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348A0" w:rsidRPr="002F0A9B" w:rsidRDefault="002348A0" w:rsidP="002348A0">
      <w:r>
        <w:rPr>
          <w:noProof/>
        </w:rPr>
        <w:drawing>
          <wp:anchor distT="0" distB="0" distL="114300" distR="114300" simplePos="0" relativeHeight="252028928" behindDoc="0" locked="0" layoutInCell="1" allowOverlap="1">
            <wp:simplePos x="0" y="0"/>
            <wp:positionH relativeFrom="column">
              <wp:posOffset>316865</wp:posOffset>
            </wp:positionH>
            <wp:positionV relativeFrom="paragraph">
              <wp:posOffset>306070</wp:posOffset>
            </wp:positionV>
            <wp:extent cx="6457950" cy="3855085"/>
            <wp:effectExtent l="19050" t="0" r="0" b="0"/>
            <wp:wrapNone/>
            <wp:docPr id="1099" name="図 1099" descr="仕事用-7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99" descr="仕事用-7"/>
                    <pic:cNvPicPr>
                      <a:picLocks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57950" cy="385508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  <w:r w:rsidR="001C56EA" w:rsidRPr="001C56EA">
        <w:rPr>
          <w:noProof/>
          <w:color w:val="5F497A"/>
        </w:rPr>
        <w:pict>
          <v:rect id="_x0000_s2124" style="position:absolute;left:0;text-align:left;margin-left:5.55pt;margin-top:1.4pt;width:550.5pt;height:777.75pt;z-index:-251286528;mso-position-horizontal-relative:text;mso-position-vertical-relative:text" fillcolor="#92cddc [1944]" stroked="f">
            <v:shadow color="black" opacity="49151f" offset=".74833mm,.74833mm"/>
            <v:textbox inset=",2mm"/>
          </v:rect>
        </w:pict>
      </w:r>
      <w:r w:rsidR="001C56EA">
        <w:rPr>
          <w:noProof/>
        </w:rPr>
        <w:pict>
          <v:rect id="_x0000_s2127" style="position:absolute;left:0;text-align:left;margin-left:174.25pt;margin-top:-394.1pt;width:64.5pt;height:70.5pt;z-index:-251283456;mso-position-horizontal-relative:text;mso-position-vertical-relative:text" filled="f">
            <v:shadow color="black" opacity="49151f" offset=".74833mm,.74833mm"/>
            <v:textbox inset=",2mm"/>
          </v:rect>
        </w:pict>
      </w:r>
      <w:r w:rsidR="001C56EA">
        <w:rPr>
          <w:noProof/>
        </w:rPr>
        <w:pict>
          <v:rect id="_x0000_s2126" style="position:absolute;left:0;text-align:left;margin-left:174.25pt;margin-top:-394.1pt;width:68.25pt;height:70.5pt;z-index:-251284480;mso-position-horizontal-relative:text;mso-position-vertical-relative:text" filled="f">
            <v:shadow color="black" opacity="49151f" offset=".74833mm,.74833mm"/>
            <v:textbox inset=",2mm"/>
          </v:rect>
        </w:pict>
      </w:r>
    </w:p>
    <w:p w:rsidR="002348A0" w:rsidRDefault="002348A0"/>
    <w:p w:rsidR="002348A0" w:rsidRDefault="008B2C5A">
      <w:pPr>
        <w:widowControl/>
        <w:jc w:val="left"/>
      </w:pPr>
      <w:r>
        <w:rPr>
          <w:noProof/>
        </w:rPr>
        <w:pict>
          <v:group id="_x0000_s3215" style="position:absolute;margin-left:7.05pt;margin-top:308.25pt;width:534.7pt;height:423pt;z-index:252486656" coordorigin="481,7486" coordsize="10694,8460">
            <v:rect id="_x0000_s2125" style="position:absolute;left:720;top:7486;width:10455;height:8460" stroked="f">
              <v:shadow color="black" opacity="49151f" offset=".74833mm,.74833mm"/>
              <v:textbox inset=",2mm"/>
            </v:rect>
            <v:rect id="_x0000_s2129" style="position:absolute;left:915;top:7696;width:1395;height:495" fillcolor="black" stroked="f">
              <v:shadow color="black" opacity="49151f" offset=".74833mm,.74833mm"/>
              <v:textbox inset=",2mm"/>
            </v:rect>
            <v:rect id="_x0000_s2131" style="position:absolute;left:2355;top:7696;width:1395;height:495" fillcolor="#b2a1c7" stroked="f">
              <v:shadow color="black" opacity="49151f" offset=".74833mm,.74833mm"/>
              <v:textbox inset=",2mm"/>
            </v:rect>
            <v:rect id="_x0000_s2132" style="position:absolute;left:2355;top:7696;width:1395;height:495" fillcolor="black" stroked="f">
              <v:shadow color="black" opacity="49151f" offset=".74833mm,.74833mm"/>
              <v:textbox inset=",2mm"/>
            </v:rect>
            <v:rect id="_x0000_s2134" style="position:absolute;left:3810;top:7696;width:1395;height:495" fillcolor="black" stroked="f">
              <v:shadow color="black" opacity="49151f" offset=".74833mm,.74833mm"/>
              <v:textbox inset=",2mm"/>
            </v:rect>
            <v:rect id="_x0000_s2136" style="position:absolute;left:5265;top:7696;width:1395;height:495" fillcolor="black" stroked="f">
              <v:shadow color="black" opacity="49151f" offset=".74833mm,.74833mm"/>
              <v:textbox inset=",2mm"/>
            </v:rect>
            <v:rect id="_x0000_s2138" style="position:absolute;left:6705;top:7696;width:1395;height:495" fillcolor="black" stroked="f">
              <v:shadow color="black" opacity="49151f" offset=".74833mm,.74833mm"/>
              <v:textbox inset=",2mm"/>
            </v:rect>
            <v:rect id="_x0000_s2140" style="position:absolute;left:8160;top:7696;width:1395;height:495" fillcolor="black" stroked="f">
              <v:shadow color="black" opacity="49151f" offset=".74833mm,.74833mm"/>
              <v:textbox inset=",2mm"/>
            </v:rect>
            <v:rect id="_x0000_s2142" style="position:absolute;left:9615;top:7696;width:1395;height:495" fillcolor="black" stroked="f">
              <v:shadow color="black" opacity="49151f" offset=".74833mm,.74833mm"/>
              <v:textbox inset=",2mm"/>
            </v:rect>
            <v:group id="_x0000_s2148" style="position:absolute;left:9630;top:14131;width:1380;height:1605" coordorigin="3825,8085" coordsize="1380,1605">
              <v:rect id="_x0000_s2149" style="position:absolute;left:3825;top:8265;width:1365;height:1425" filled="f">
                <v:shadow color="black" opacity="49151f" offset=".74833mm,.74833mm"/>
                <v:textbox inset=",2mm"/>
              </v:re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150" type="#_x0000_t202" style="position:absolute;left:3825;top:8085;width:1380;height:810;mso-width-relative:margin;mso-height-relative:margin" filled="f" stroked="f">
                <v:textbox style="mso-next-textbox:#_x0000_s2150">
                  <w:txbxContent>
                    <w:p w:rsidR="00BE0AF6" w:rsidRPr="00F97780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 w:rsidRPr="00F97780"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30</w:t>
                      </w:r>
                    </w:p>
                  </w:txbxContent>
                </v:textbox>
              </v:shape>
              <v:shape id="_x0000_s2151" type="#_x0000_t202" style="position:absolute;left:3825;top:9180;width:1380;height:510;mso-width-relative:margin;mso-height-relative:margin" filled="f" stroked="f">
                <v:textbox style="mso-next-textbox:#_x0000_s215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52" type="#_x0000_t202" style="position:absolute;left:3825;top:8265;width:855;height:435;mso-width-relative:margin;mso-height-relative:margin" filled="f" stroked="f">
                <v:textbox style="mso-next-textbox:#_x0000_s215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58" style="position:absolute;left:8160;top:8086;width:1380;height:1605" coordorigin="3825,8085" coordsize="1380,1605">
              <v:rect id="_x0000_s2159" style="position:absolute;left:3825;top:8265;width:1365;height:1425" filled="f">
                <v:shadow color="black" opacity="49151f" offset=".74833mm,.74833mm"/>
                <v:textbox inset=",2mm"/>
              </v:rect>
              <v:shape id="_x0000_s2160" type="#_x0000_t202" style="position:absolute;left:3825;top:8085;width:1380;height:810;mso-width-relative:margin;mso-height-relative:margin" filled="f" stroked="f">
                <v:textbox style="mso-next-textbox:#_x0000_s2160">
                  <w:txbxContent>
                    <w:p w:rsidR="00BE0AF6" w:rsidRPr="000435D7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</w:t>
                      </w:r>
                    </w:p>
                  </w:txbxContent>
                </v:textbox>
              </v:shape>
              <v:shape id="_x0000_s2161" type="#_x0000_t202" style="position:absolute;left:3825;top:9180;width:1380;height:510;mso-width-relative:margin;mso-height-relative:margin" filled="f" stroked="f">
                <v:textbox style="mso-next-textbox:#_x0000_s216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62" type="#_x0000_t202" style="position:absolute;left:3825;top:8265;width:855;height:435;mso-width-relative:margin;mso-height-relative:margin" filled="f" stroked="f">
                <v:textbox style="mso-next-textbox:#_x0000_s216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63" style="position:absolute;left:9615;top:8086;width:1380;height:1605" coordorigin="3825,8085" coordsize="1380,1605">
              <v:rect id="_x0000_s2164" style="position:absolute;left:3825;top:8265;width:1365;height:1425" filled="f">
                <v:shadow color="black" opacity="49151f" offset=".74833mm,.74833mm"/>
                <v:textbox inset=",2mm"/>
              </v:rect>
              <v:shape id="_x0000_s2165" type="#_x0000_t202" style="position:absolute;left:3825;top:8085;width:1380;height:810;mso-width-relative:margin;mso-height-relative:margin" filled="f" stroked="f">
                <v:textbox style="mso-next-textbox:#_x0000_s2165">
                  <w:txbxContent>
                    <w:p w:rsidR="00BE0AF6" w:rsidRPr="0000344E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2</w:t>
                      </w:r>
                    </w:p>
                  </w:txbxContent>
                </v:textbox>
              </v:shape>
              <v:shape id="_x0000_s2166" type="#_x0000_t202" style="position:absolute;left:3825;top:9180;width:1380;height:510;mso-width-relative:margin;mso-height-relative:margin" filled="f" stroked="f">
                <v:textbox style="mso-next-textbox:#_x0000_s216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67" type="#_x0000_t202" style="position:absolute;left:3825;top:8265;width:855;height:435;mso-width-relative:margin;mso-height-relative:margin" filled="f" stroked="f">
                <v:textbox style="mso-next-textbox:#_x0000_s216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68" style="position:absolute;left:3825;top:9601;width:1380;height:1605" coordorigin="3825,8085" coordsize="1380,1605">
              <v:rect id="_x0000_s2169" style="position:absolute;left:3825;top:8265;width:1365;height:1425" filled="f">
                <v:shadow color="black" opacity="49151f" offset=".74833mm,.74833mm"/>
                <v:textbox inset=",2mm"/>
              </v:rect>
              <v:shape id="_x0000_s2170" type="#_x0000_t202" style="position:absolute;left:3825;top:8085;width:1380;height:810;mso-width-relative:margin;mso-height-relative:margin" filled="f" stroked="f">
                <v:textbox style="mso-next-textbox:#_x0000_s2170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5</w:t>
                      </w:r>
                    </w:p>
                  </w:txbxContent>
                </v:textbox>
              </v:shape>
              <v:shape id="_x0000_s2171" type="#_x0000_t202" style="position:absolute;left:3825;top:9180;width:1380;height:510;mso-width-relative:margin;mso-height-relative:margin" filled="f" stroked="f">
                <v:textbox style="mso-next-textbox:#_x0000_s2171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72" type="#_x0000_t202" style="position:absolute;left:3825;top:8265;width:855;height:435;mso-width-relative:margin;mso-height-relative:margin" filled="f" stroked="f">
                <v:textbox style="mso-next-textbox:#_x0000_s217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73" style="position:absolute;left:5265;top:9601;width:1380;height:1605" coordorigin="3825,8085" coordsize="1380,1605">
              <v:rect id="_x0000_s2174" style="position:absolute;left:3825;top:8265;width:1365;height:1425" filled="f">
                <v:shadow color="black" opacity="49151f" offset=".74833mm,.74833mm"/>
                <v:textbox inset=",2mm"/>
              </v:rect>
              <v:shape id="_x0000_s2175" type="#_x0000_t202" style="position:absolute;left:3825;top:8085;width:1380;height:810;mso-width-relative:margin;mso-height-relative:margin" filled="f" stroked="f">
                <v:textbox style="mso-next-textbox:#_x0000_s2175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6</w:t>
                      </w:r>
                    </w:p>
                  </w:txbxContent>
                </v:textbox>
              </v:shape>
              <v:shape id="_x0000_s2176" type="#_x0000_t202" style="position:absolute;left:3825;top:9180;width:1380;height:510;mso-width-relative:margin;mso-height-relative:margin" filled="f" stroked="f">
                <v:textbox style="mso-next-textbox:#_x0000_s2176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177" type="#_x0000_t202" style="position:absolute;left:3825;top:8265;width:855;height:435;mso-width-relative:margin;mso-height-relative:margin" filled="f" stroked="f">
                <v:textbox style="mso-next-textbox:#_x0000_s217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78" style="position:absolute;left:6720;top:9601;width:1380;height:1605" coordorigin="3825,8085" coordsize="1380,1605">
              <v:rect id="_x0000_s2179" style="position:absolute;left:3825;top:8265;width:1365;height:1425" filled="f">
                <v:shadow color="black" opacity="49151f" offset=".74833mm,.74833mm"/>
                <v:textbox inset=",2mm"/>
              </v:rect>
              <v:shape id="_x0000_s2180" type="#_x0000_t202" style="position:absolute;left:3825;top:8085;width:1380;height:810;mso-width-relative:margin;mso-height-relative:margin" filled="f" stroked="f">
                <v:textbox style="mso-next-textbox:#_x0000_s2180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7</w:t>
                      </w:r>
                    </w:p>
                  </w:txbxContent>
                </v:textbox>
              </v:shape>
              <v:shape id="_x0000_s2181" type="#_x0000_t202" style="position:absolute;left:3825;top:9180;width:1380;height:510;mso-width-relative:margin;mso-height-relative:margin" filled="f" stroked="f">
                <v:textbox style="mso-next-textbox:#_x0000_s2181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182" type="#_x0000_t202" style="position:absolute;left:3825;top:8265;width:855;height:435;mso-width-relative:margin;mso-height-relative:margin" filled="f" stroked="f">
                <v:textbox style="mso-next-textbox:#_x0000_s218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83" style="position:absolute;left:8160;top:9601;width:1380;height:1605" coordorigin="3825,8085" coordsize="1380,1605">
              <v:rect id="_x0000_s2184" style="position:absolute;left:3825;top:8265;width:1365;height:1425" filled="f">
                <v:shadow color="black" opacity="49151f" offset=".74833mm,.74833mm"/>
                <v:textbox inset=",2mm"/>
              </v:rect>
              <v:shape id="_x0000_s2185" type="#_x0000_t202" style="position:absolute;left:3825;top:8085;width:1380;height:810;mso-width-relative:margin;mso-height-relative:margin" filled="f" stroked="f">
                <v:textbox style="mso-next-textbox:#_x0000_s2185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8</w:t>
                      </w:r>
                    </w:p>
                  </w:txbxContent>
                </v:textbox>
              </v:shape>
              <v:shape id="_x0000_s2186" type="#_x0000_t202" style="position:absolute;left:3825;top:9180;width:1380;height:510;mso-width-relative:margin;mso-height-relative:margin" filled="f" stroked="f">
                <v:textbox style="mso-next-textbox:#_x0000_s2186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187" type="#_x0000_t202" style="position:absolute;left:3825;top:8265;width:855;height:435;mso-width-relative:margin;mso-height-relative:margin" filled="f" stroked="f">
                <v:textbox style="mso-next-textbox:#_x0000_s218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88" style="position:absolute;left:9615;top:9601;width:1380;height:1605" coordorigin="3825,8085" coordsize="1380,1605">
              <v:rect id="_x0000_s2189" style="position:absolute;left:3825;top:8265;width:1365;height:1425" filled="f">
                <v:shadow color="black" opacity="49151f" offset=".74833mm,.74833mm"/>
                <v:textbox inset=",2mm"/>
              </v:rect>
              <v:shape id="_x0000_s2190" type="#_x0000_t202" style="position:absolute;left:3825;top:8085;width:1380;height:810;mso-width-relative:margin;mso-height-relative:margin" filled="f" stroked="f">
                <v:textbox style="mso-next-textbox:#_x0000_s2190">
                  <w:txbxContent>
                    <w:p w:rsidR="00BE0AF6" w:rsidRPr="0000344E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9</w:t>
                      </w:r>
                    </w:p>
                  </w:txbxContent>
                </v:textbox>
              </v:shape>
              <v:shape id="_x0000_s2191" type="#_x0000_t202" style="position:absolute;left:3825;top:9180;width:1380;height:510;mso-width-relative:margin;mso-height-relative:margin" filled="f" stroked="f">
                <v:textbox style="mso-next-textbox:#_x0000_s219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192" type="#_x0000_t202" style="position:absolute;left:3825;top:8265;width:855;height:435;mso-width-relative:margin;mso-height-relative:margin" filled="f" stroked="f">
                <v:textbox style="mso-next-textbox:#_x0000_s219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93" style="position:absolute;left:915;top:9601;width:1380;height:1605" coordorigin="3825,8085" coordsize="1380,1605">
              <v:rect id="_x0000_s2194" style="position:absolute;left:3825;top:8265;width:1365;height:1425" filled="f">
                <v:shadow color="black" opacity="49151f" offset=".74833mm,.74833mm"/>
                <v:textbox inset=",2mm"/>
              </v:rect>
              <v:shape id="_x0000_s2195" type="#_x0000_t202" style="position:absolute;left:3825;top:8085;width:1380;height:810;mso-width-relative:margin;mso-height-relative:margin" filled="f" stroked="f">
                <v:textbox style="mso-next-textbox:#_x0000_s2195">
                  <w:txbxContent>
                    <w:p w:rsidR="00BE0AF6" w:rsidRPr="0000344E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C00000"/>
                          <w:sz w:val="48"/>
                          <w:szCs w:val="48"/>
                        </w:rPr>
                        <w:t>3</w:t>
                      </w:r>
                    </w:p>
                  </w:txbxContent>
                </v:textbox>
              </v:shape>
              <v:shape id="_x0000_s2196" type="#_x0000_t202" style="position:absolute;left:3825;top:9180;width:1380;height:510;mso-width-relative:margin;mso-height-relative:margin" filled="f" stroked="f">
                <v:textbox style="mso-next-textbox:#_x0000_s219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97" type="#_x0000_t202" style="position:absolute;left:3825;top:8265;width:855;height:435;mso-width-relative:margin;mso-height-relative:margin" filled="f" stroked="f">
                <v:textbox style="mso-next-textbox:#_x0000_s219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198" style="position:absolute;left:2370;top:9601;width:1380;height:1605" coordorigin="3825,8085" coordsize="1380,1605">
              <v:rect id="_x0000_s2199" style="position:absolute;left:3825;top:8265;width:1365;height:1425" filled="f">
                <v:shadow color="black" opacity="49151f" offset=".74833mm,.74833mm"/>
                <v:textbox inset=",2mm"/>
              </v:rect>
              <v:shape id="_x0000_s2200" type="#_x0000_t202" style="position:absolute;left:3825;top:8085;width:1380;height:810;mso-width-relative:margin;mso-height-relative:margin" filled="f" stroked="f">
                <v:textbox style="mso-next-textbox:#_x0000_s2200">
                  <w:txbxContent>
                    <w:p w:rsidR="00BE0AF6" w:rsidRPr="000435D7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4</w:t>
                      </w:r>
                    </w:p>
                  </w:txbxContent>
                </v:textbox>
              </v:shape>
              <v:shape id="_x0000_s2201" type="#_x0000_t202" style="position:absolute;left:3825;top:9180;width:1380;height:510;mso-width-relative:margin;mso-height-relative:margin" filled="f" stroked="f">
                <v:textbox style="mso-next-textbox:#_x0000_s2201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202" type="#_x0000_t202" style="position:absolute;left:3825;top:8265;width:855;height:435;mso-width-relative:margin;mso-height-relative:margin" filled="f" stroked="f">
                <v:textbox style="mso-next-textbox:#_x0000_s220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03" style="position:absolute;left:3825;top:11116;width:1380;height:1605" coordorigin="3825,8085" coordsize="1380,1605">
              <v:rect id="_x0000_s2204" style="position:absolute;left:3825;top:8265;width:1365;height:1425" filled="f">
                <v:shadow color="black" opacity="49151f" offset=".74833mm,.74833mm"/>
                <v:textbox inset=",2mm"/>
              </v:rect>
              <v:shape id="_x0000_s2205" type="#_x0000_t202" style="position:absolute;left:3825;top:8085;width:1380;height:810;mso-width-relative:margin;mso-height-relative:margin" filled="f" stroked="f">
                <v:textbox style="mso-next-textbox:#_x0000_s2205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2</w:t>
                      </w:r>
                    </w:p>
                  </w:txbxContent>
                </v:textbox>
              </v:shape>
              <v:shape id="_x0000_s2206" type="#_x0000_t202" style="position:absolute;left:3825;top:9180;width:1380;height:510;mso-width-relative:margin;mso-height-relative:margin" filled="f" stroked="f">
                <v:textbox style="mso-next-textbox:#_x0000_s220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07" type="#_x0000_t202" style="position:absolute;left:3825;top:8265;width:855;height:435;mso-width-relative:margin;mso-height-relative:margin" filled="f" stroked="f">
                <v:textbox style="mso-next-textbox:#_x0000_s220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08" style="position:absolute;left:5265;top:11116;width:1380;height:1605" coordorigin="3825,8085" coordsize="1380,1605">
              <v:rect id="_x0000_s2209" style="position:absolute;left:3825;top:8265;width:1365;height:1425" filled="f">
                <v:shadow color="black" opacity="49151f" offset=".74833mm,.74833mm"/>
                <v:textbox inset=",2mm"/>
              </v:rect>
              <v:shape id="_x0000_s2210" type="#_x0000_t202" style="position:absolute;left:3825;top:8085;width:1380;height:810;mso-width-relative:margin;mso-height-relative:margin" filled="f" stroked="f">
                <v:textbox style="mso-next-textbox:#_x0000_s2210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3</w:t>
                      </w:r>
                    </w:p>
                  </w:txbxContent>
                </v:textbox>
              </v:shape>
              <v:shape id="_x0000_s2211" type="#_x0000_t202" style="position:absolute;left:3825;top:9180;width:1380;height:510;mso-width-relative:margin;mso-height-relative:margin" filled="f" stroked="f">
                <v:textbox style="mso-next-textbox:#_x0000_s221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12" type="#_x0000_t202" style="position:absolute;left:3825;top:8265;width:855;height:435;mso-width-relative:margin;mso-height-relative:margin" filled="f" stroked="f">
                <v:textbox style="mso-next-textbox:#_x0000_s221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13" style="position:absolute;left:6720;top:11116;width:1380;height:1605" coordorigin="3825,8085" coordsize="1380,1605">
              <v:rect id="_x0000_s2214" style="position:absolute;left:3825;top:8265;width:1365;height:1425" filled="f">
                <v:shadow color="black" opacity="49151f" offset=".74833mm,.74833mm"/>
                <v:textbox inset=",2mm"/>
              </v:rect>
              <v:shape id="_x0000_s2215" type="#_x0000_t202" style="position:absolute;left:3825;top:8085;width:1380;height:810;mso-width-relative:margin;mso-height-relative:margin" filled="f" stroked="f">
                <v:textbox style="mso-next-textbox:#_x0000_s2215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4</w:t>
                      </w:r>
                    </w:p>
                  </w:txbxContent>
                </v:textbox>
              </v:shape>
              <v:shape id="_x0000_s2216" type="#_x0000_t202" style="position:absolute;left:3825;top:9180;width:1380;height:510;mso-width-relative:margin;mso-height-relative:margin" filled="f" stroked="f">
                <v:textbox style="mso-next-textbox:#_x0000_s221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17" type="#_x0000_t202" style="position:absolute;left:3825;top:8265;width:855;height:435;mso-width-relative:margin;mso-height-relative:margin" filled="f" stroked="f">
                <v:textbox style="mso-next-textbox:#_x0000_s221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18" style="position:absolute;left:8160;top:11116;width:1380;height:1605" coordorigin="3825,8085" coordsize="1380,1605">
              <v:rect id="_x0000_s2219" style="position:absolute;left:3825;top:8265;width:1365;height:1425" filled="f">
                <v:shadow color="black" opacity="49151f" offset=".74833mm,.74833mm"/>
                <v:textbox inset=",2mm"/>
              </v:rect>
              <v:shape id="_x0000_s2220" type="#_x0000_t202" style="position:absolute;left:3825;top:8085;width:1380;height:810;mso-width-relative:margin;mso-height-relative:margin" filled="f" stroked="f">
                <v:textbox style="mso-next-textbox:#_x0000_s2220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5</w:t>
                      </w:r>
                    </w:p>
                  </w:txbxContent>
                </v:textbox>
              </v:shape>
              <v:shape id="_x0000_s2221" type="#_x0000_t202" style="position:absolute;left:3825;top:9180;width:1380;height:510;mso-width-relative:margin;mso-height-relative:margin" filled="f" stroked="f">
                <v:textbox style="mso-next-textbox:#_x0000_s222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22" type="#_x0000_t202" style="position:absolute;left:3825;top:8265;width:855;height:435;mso-width-relative:margin;mso-height-relative:margin" filled="f" stroked="f">
                <v:textbox style="mso-next-textbox:#_x0000_s222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23" style="position:absolute;left:9615;top:11116;width:1380;height:1605" coordorigin="3825,8085" coordsize="1380,1605">
              <v:rect id="_x0000_s2224" style="position:absolute;left:3825;top:8265;width:1365;height:1425" filled="f">
                <v:shadow color="black" opacity="49151f" offset=".74833mm,.74833mm"/>
                <v:textbox inset=",2mm"/>
              </v:rect>
              <v:shape id="_x0000_s2225" type="#_x0000_t202" style="position:absolute;left:3825;top:8085;width:1380;height:810;mso-width-relative:margin;mso-height-relative:margin" filled="f" stroked="f">
                <v:textbox style="mso-next-textbox:#_x0000_s2225">
                  <w:txbxContent>
                    <w:p w:rsidR="00BE0AF6" w:rsidRPr="0000344E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16</w:t>
                      </w:r>
                    </w:p>
                  </w:txbxContent>
                </v:textbox>
              </v:shape>
              <v:shape id="_x0000_s2226" type="#_x0000_t202" style="position:absolute;left:3825;top:9180;width:1380;height:510;mso-width-relative:margin;mso-height-relative:margin" filled="f" stroked="f">
                <v:textbox style="mso-next-textbox:#_x0000_s222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27" type="#_x0000_t202" style="position:absolute;left:3825;top:8265;width:855;height:435;mso-width-relative:margin;mso-height-relative:margin" filled="f" stroked="f">
                <v:textbox style="mso-next-textbox:#_x0000_s222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28" style="position:absolute;left:915;top:11116;width:1380;height:1605" coordorigin="3825,8085" coordsize="1380,1605">
              <v:rect id="_x0000_s2229" style="position:absolute;left:3825;top:8265;width:1365;height:1425" filled="f">
                <v:shadow color="black" opacity="49151f" offset=".74833mm,.74833mm"/>
                <v:textbox inset=",2mm"/>
              </v:rect>
              <v:shape id="_x0000_s2230" type="#_x0000_t202" style="position:absolute;left:3825;top:8085;width:1380;height:810;mso-width-relative:margin;mso-height-relative:margin" filled="f" stroked="f">
                <v:textbox style="mso-next-textbox:#_x0000_s2230">
                  <w:txbxContent>
                    <w:p w:rsidR="00BE0AF6" w:rsidRPr="0000344E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  <w:t>1</w:t>
                      </w:r>
                      <w:r>
                        <w:rPr>
                          <w:rFonts w:ascii="Garamond" w:hAnsi="Garamond" w:hint="eastAsia"/>
                          <w:color w:val="C00000"/>
                          <w:sz w:val="48"/>
                          <w:szCs w:val="48"/>
                        </w:rPr>
                        <w:t>0</w:t>
                      </w:r>
                    </w:p>
                  </w:txbxContent>
                </v:textbox>
              </v:shape>
              <v:shape id="_x0000_s2231" type="#_x0000_t202" style="position:absolute;left:3825;top:9180;width:1380;height:510;mso-width-relative:margin;mso-height-relative:margin" filled="f" stroked="f">
                <v:textbox style="mso-next-textbox:#_x0000_s223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32" type="#_x0000_t202" style="position:absolute;left:3825;top:8265;width:855;height:435;mso-width-relative:margin;mso-height-relative:margin" filled="f" stroked="f">
                <v:textbox style="mso-next-textbox:#_x0000_s223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33" style="position:absolute;left:3825;top:12631;width:1380;height:1605" coordorigin="3825,8085" coordsize="1380,1605">
              <v:rect id="_x0000_s2234" style="position:absolute;left:3825;top:8265;width:1365;height:1425" filled="f">
                <v:shadow color="black" opacity="49151f" offset=".74833mm,.74833mm"/>
                <v:textbox inset=",2mm"/>
              </v:rect>
              <v:shape id="_x0000_s2235" type="#_x0000_t202" style="position:absolute;left:3825;top:8085;width:1380;height:810;mso-width-relative:margin;mso-height-relative:margin" filled="f" stroked="f">
                <v:textbox style="mso-next-textbox:#_x0000_s2235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9</w:t>
                      </w:r>
                    </w:p>
                  </w:txbxContent>
                </v:textbox>
              </v:shape>
              <v:shape id="_x0000_s2236" type="#_x0000_t202" style="position:absolute;left:3825;top:9180;width:1380;height:510;mso-width-relative:margin;mso-height-relative:margin" filled="f" stroked="f">
                <v:textbox style="mso-next-textbox:#_x0000_s223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37" type="#_x0000_t202" style="position:absolute;left:3825;top:8265;width:855;height:435;mso-width-relative:margin;mso-height-relative:margin" filled="f" stroked="f">
                <v:textbox style="mso-next-textbox:#_x0000_s223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38" style="position:absolute;left:5265;top:12631;width:1380;height:1605" coordorigin="3825,8085" coordsize="1380,1605">
              <v:rect id="_x0000_s2239" style="position:absolute;left:3825;top:8265;width:1365;height:1425" filled="f">
                <v:shadow color="black" opacity="49151f" offset=".74833mm,.74833mm"/>
                <v:textbox inset=",2mm"/>
              </v:rect>
              <v:shape id="_x0000_s2240" type="#_x0000_t202" style="position:absolute;left:3825;top:8085;width:1380;height:810;mso-width-relative:margin;mso-height-relative:margin" filled="f" stroked="f">
                <v:textbox style="mso-next-textbox:#_x0000_s2240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0</w:t>
                      </w:r>
                    </w:p>
                  </w:txbxContent>
                </v:textbox>
              </v:shape>
              <v:shape id="_x0000_s2241" type="#_x0000_t202" style="position:absolute;left:3825;top:9180;width:1380;height:510;mso-width-relative:margin;mso-height-relative:margin" filled="f" stroked="f">
                <v:textbox style="mso-next-textbox:#_x0000_s224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42" type="#_x0000_t202" style="position:absolute;left:3825;top:8265;width:855;height:435;mso-width-relative:margin;mso-height-relative:margin" filled="f" stroked="f">
                <v:textbox style="mso-next-textbox:#_x0000_s224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43" style="position:absolute;left:6720;top:12631;width:1380;height:1605" coordorigin="3825,8085" coordsize="1380,1605">
              <v:rect id="_x0000_s2244" style="position:absolute;left:3825;top:8265;width:1365;height:1425" filled="f">
                <v:shadow color="black" opacity="49151f" offset=".74833mm,.74833mm"/>
                <v:textbox inset=",2mm"/>
              </v:rect>
              <v:shape id="_x0000_s2245" type="#_x0000_t202" style="position:absolute;left:3825;top:8085;width:1380;height:810;mso-width-relative:margin;mso-height-relative:margin" filled="f" stroked="f">
                <v:textbox style="mso-next-textbox:#_x0000_s2245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1</w:t>
                      </w:r>
                    </w:p>
                  </w:txbxContent>
                </v:textbox>
              </v:shape>
              <v:shape id="_x0000_s2246" type="#_x0000_t202" style="position:absolute;left:3825;top:9180;width:1380;height:510;mso-width-relative:margin;mso-height-relative:margin" filled="f" stroked="f">
                <v:textbox style="mso-next-textbox:#_x0000_s224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47" type="#_x0000_t202" style="position:absolute;left:3825;top:8265;width:855;height:435;mso-width-relative:margin;mso-height-relative:margin" filled="f" stroked="f">
                <v:textbox style="mso-next-textbox:#_x0000_s224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48" style="position:absolute;left:8160;top:12631;width:1380;height:1605" coordorigin="3825,8085" coordsize="1380,1605">
              <v:rect id="_x0000_s2249" style="position:absolute;left:3825;top:8265;width:1365;height:1425" filled="f">
                <v:shadow color="black" opacity="49151f" offset=".74833mm,.74833mm"/>
                <v:textbox inset=",2mm"/>
              </v:rect>
              <v:shape id="_x0000_s2250" type="#_x0000_t202" style="position:absolute;left:3825;top:8085;width:1380;height:810;mso-width-relative:margin;mso-height-relative:margin" filled="f" stroked="f">
                <v:textbox style="mso-next-textbox:#_x0000_s2250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2</w:t>
                      </w:r>
                    </w:p>
                  </w:txbxContent>
                </v:textbox>
              </v:shape>
              <v:shape id="_x0000_s2251" type="#_x0000_t202" style="position:absolute;left:3825;top:9180;width:1380;height:510;mso-width-relative:margin;mso-height-relative:margin" filled="f" stroked="f">
                <v:textbox style="mso-next-textbox:#_x0000_s225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/>
                  </w:txbxContent>
                </v:textbox>
              </v:shape>
              <v:shape id="_x0000_s2252" type="#_x0000_t202" style="position:absolute;left:3825;top:8265;width:855;height:435;mso-width-relative:margin;mso-height-relative:margin" filled="f" stroked="f">
                <v:textbox style="mso-next-textbox:#_x0000_s225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53" style="position:absolute;left:9615;top:12631;width:1380;height:1605" coordorigin="3825,8085" coordsize="1380,1605">
              <v:rect id="_x0000_s2254" style="position:absolute;left:3825;top:8265;width:1365;height:1425" filled="f">
                <v:shadow color="black" opacity="49151f" offset=".74833mm,.74833mm"/>
                <v:textbox inset=",2mm"/>
              </v:rect>
              <v:shape id="_x0000_s2255" type="#_x0000_t202" style="position:absolute;left:3825;top:8085;width:1380;height:810;mso-width-relative:margin;mso-height-relative:margin" filled="f" stroked="f">
                <v:textbox style="mso-next-textbox:#_x0000_s2255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23</w:t>
                      </w:r>
                    </w:p>
                  </w:txbxContent>
                </v:textbox>
              </v:shape>
              <v:shape id="_x0000_s2256" type="#_x0000_t202" style="position:absolute;left:3825;top:9180;width:1380;height:510;mso-width-relative:margin;mso-height-relative:margin" filled="f" stroked="f">
                <v:textbox style="mso-next-textbox:#_x0000_s225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57" type="#_x0000_t202" style="position:absolute;left:3825;top:8265;width:855;height:435;mso-width-relative:margin;mso-height-relative:margin" filled="f" stroked="f">
                <v:textbox style="mso-next-textbox:#_x0000_s225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58" style="position:absolute;left:915;top:12631;width:1380;height:1605" coordorigin="3825,8085" coordsize="1380,1605">
              <v:rect id="_x0000_s2259" style="position:absolute;left:3825;top:8265;width:1365;height:1425" filled="f">
                <v:shadow color="black" opacity="49151f" offset=".74833mm,.74833mm"/>
                <v:textbox inset=",2mm"/>
              </v:rect>
              <v:shape id="_x0000_s2260" type="#_x0000_t202" style="position:absolute;left:3825;top:8085;width:1380;height:810;mso-width-relative:margin;mso-height-relative:margin" filled="f" stroked="f">
                <v:textbox style="mso-next-textbox:#_x0000_s2260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C00000"/>
                          <w:sz w:val="48"/>
                          <w:szCs w:val="48"/>
                        </w:rPr>
                        <w:t>17</w:t>
                      </w:r>
                    </w:p>
                  </w:txbxContent>
                </v:textbox>
              </v:shape>
              <v:shape id="_x0000_s2261" type="#_x0000_t202" style="position:absolute;left:3825;top:9180;width:1380;height:510;mso-width-relative:margin;mso-height-relative:margin" filled="f" stroked="f">
                <v:textbox style="mso-next-textbox:#_x0000_s226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62" type="#_x0000_t202" style="position:absolute;left:3825;top:8265;width:855;height:435;mso-width-relative:margin;mso-height-relative:margin" filled="f" stroked="f">
                <v:textbox style="mso-next-textbox:#_x0000_s226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63" style="position:absolute;left:3825;top:14131;width:1380;height:1605" coordorigin="3825,8085" coordsize="1380,1605">
              <v:rect id="_x0000_s2264" style="position:absolute;left:3825;top:8265;width:1365;height:1425" filled="f">
                <v:shadow color="black" opacity="49151f" offset=".74833mm,.74833mm"/>
                <v:textbox inset=",2mm"/>
              </v:rect>
              <v:shape id="_x0000_s2265" type="#_x0000_t202" style="position:absolute;left:3825;top:8085;width:1380;height:810;mso-width-relative:margin;mso-height-relative:margin" filled="f" stroked="f">
                <v:textbox style="mso-next-textbox:#_x0000_s2265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6</w:t>
                      </w:r>
                    </w:p>
                  </w:txbxContent>
                </v:textbox>
              </v:shape>
              <v:shape id="_x0000_s2266" type="#_x0000_t202" style="position:absolute;left:3825;top:9180;width:1380;height:510;mso-width-relative:margin;mso-height-relative:margin" filled="f" stroked="f">
                <v:textbox style="mso-next-textbox:#_x0000_s226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67" type="#_x0000_t202" style="position:absolute;left:3825;top:8265;width:855;height:435;mso-width-relative:margin;mso-height-relative:margin" filled="f" stroked="f">
                <v:textbox style="mso-next-textbox:#_x0000_s226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68" style="position:absolute;left:5265;top:14131;width:1380;height:1605" coordorigin="3825,8085" coordsize="1380,1605">
              <v:rect id="_x0000_s2269" style="position:absolute;left:3825;top:8265;width:1365;height:1425" filled="f">
                <v:shadow color="black" opacity="49151f" offset=".74833mm,.74833mm"/>
                <v:textbox inset=",2mm"/>
              </v:rect>
              <v:shape id="_x0000_s2270" type="#_x0000_t202" style="position:absolute;left:3825;top:8085;width:1380;height:810;mso-width-relative:margin;mso-height-relative:margin" filled="f" stroked="f">
                <v:textbox style="mso-next-textbox:#_x0000_s2270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7</w:t>
                      </w:r>
                    </w:p>
                  </w:txbxContent>
                </v:textbox>
              </v:shape>
              <v:shape id="_x0000_s2271" type="#_x0000_t202" style="position:absolute;left:3825;top:9180;width:1380;height:510;mso-width-relative:margin;mso-height-relative:margin" filled="f" stroked="f">
                <v:textbox style="mso-next-textbox:#_x0000_s2271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72" type="#_x0000_t202" style="position:absolute;left:3825;top:8265;width:855;height:435;mso-width-relative:margin;mso-height-relative:margin" filled="f" stroked="f">
                <v:textbox style="mso-next-textbox:#_x0000_s2272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73" style="position:absolute;left:6720;top:14131;width:1380;height:1605" coordorigin="3825,8085" coordsize="1380,1605">
              <v:rect id="_x0000_s2274" style="position:absolute;left:3825;top:8265;width:1365;height:1425" filled="f">
                <v:shadow color="black" opacity="49151f" offset=".74833mm,.74833mm"/>
                <v:textbox inset=",2mm"/>
              </v:rect>
              <v:shape id="_x0000_s2275" type="#_x0000_t202" style="position:absolute;left:3825;top:8085;width:1380;height:810;mso-width-relative:margin;mso-height-relative:margin" filled="f" stroked="f">
                <v:textbox style="mso-next-textbox:#_x0000_s2275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8</w:t>
                      </w:r>
                    </w:p>
                  </w:txbxContent>
                </v:textbox>
              </v:shape>
              <v:shape id="_x0000_s2276" type="#_x0000_t202" style="position:absolute;left:3825;top:9180;width:1380;height:510;mso-width-relative:margin;mso-height-relative:margin" filled="f" stroked="f">
                <v:textbox style="mso-next-textbox:#_x0000_s227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77" type="#_x0000_t202" style="position:absolute;left:3825;top:8265;width:855;height:435;mso-width-relative:margin;mso-height-relative:margin" filled="f" stroked="f">
                <v:textbox style="mso-next-textbox:#_x0000_s227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283" style="position:absolute;left:2370;top:14131;width:1380;height:1605" coordorigin="3825,8085" coordsize="1380,1605">
              <v:rect id="_x0000_s2284" style="position:absolute;left:3825;top:8265;width:1365;height:1425" filled="f">
                <v:shadow color="black" opacity="49151f" offset=".74833mm,.74833mm"/>
                <v:textbox inset=",2mm"/>
              </v:rect>
              <v:shape id="_x0000_s2285" type="#_x0000_t202" style="position:absolute;left:3825;top:8085;width:1380;height:810;mso-width-relative:margin;mso-height-relative:margin" filled="f" stroked="f">
                <v:textbox style="mso-next-textbox:#_x0000_s2285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5</w:t>
                      </w:r>
                    </w:p>
                  </w:txbxContent>
                </v:textbox>
              </v:shape>
              <v:shape id="_x0000_s2286" type="#_x0000_t202" style="position:absolute;left:3825;top:9180;width:1380;height:510;mso-width-relative:margin;mso-height-relative:margin" filled="f" stroked="f">
                <v:textbox style="mso-next-textbox:#_x0000_s228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287" type="#_x0000_t202" style="position:absolute;left:3825;top:8265;width:855;height:435;mso-width-relative:margin;mso-height-relative:margin" filled="f" stroked="f">
                <v:textbox style="mso-next-textbox:#_x0000_s2287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rect id="_x0000_s2288" style="position:absolute;left:2370;top:11296;width:1365;height:1425" filled="f">
              <v:shadow color="black" opacity="49151f" offset=".74833mm,.74833mm"/>
              <v:textbox inset=",2mm"/>
            </v:rect>
            <v:shape id="_x0000_s2289" type="#_x0000_t202" style="position:absolute;left:2370;top:11116;width:1380;height:810;mso-width-relative:margin;mso-height-relative:margin" filled="f" stroked="f">
              <v:textbox style="mso-next-textbox:#_x0000_s2289">
                <w:txbxContent>
                  <w:p w:rsidR="00BE0AF6" w:rsidRPr="00253893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000000" w:themeColor="text1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000000" w:themeColor="text1"/>
                        <w:sz w:val="48"/>
                        <w:szCs w:val="48"/>
                      </w:rPr>
                      <w:t>11</w:t>
                    </w:r>
                  </w:p>
                </w:txbxContent>
              </v:textbox>
            </v:shape>
            <v:shape id="_x0000_s2290" type="#_x0000_t202" style="position:absolute;left:2370;top:12211;width:1380;height:510;mso-width-relative:margin;mso-height-relative:margin" filled="f" stroked="f">
              <v:textbox style="mso-next-textbox:#_x0000_s2290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291" type="#_x0000_t202" style="position:absolute;left:2295;top:11296;width:930;height:435;mso-width-relative:margin;mso-height-relative:margin" filled="f" stroked="f">
              <v:textbox style="mso-next-textbox:#_x0000_s2291">
                <w:txbxContent>
                  <w:p w:rsidR="00BE0AF6" w:rsidRPr="000435D7" w:rsidRDefault="00BE0AF6" w:rsidP="002348A0"/>
                </w:txbxContent>
              </v:textbox>
            </v:shape>
            <v:rect id="_x0000_s2294" style="position:absolute;left:2370;top:12811;width:1365;height:1425" filled="f">
              <v:shadow color="black" opacity="49151f" offset=".74833mm,.74833mm"/>
              <v:textbox inset=",2mm"/>
            </v:rect>
            <v:shape id="_x0000_s2295" type="#_x0000_t202" style="position:absolute;left:2370;top:12631;width:1380;height:810;mso-width-relative:margin;mso-height-relative:margin" filled="f" stroked="f">
              <v:textbox style="mso-next-textbox:#_x0000_s2295">
                <w:txbxContent>
                  <w:p w:rsidR="00BE0AF6" w:rsidRPr="0000344E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C00000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C00000"/>
                        <w:sz w:val="48"/>
                        <w:szCs w:val="48"/>
                      </w:rPr>
                      <w:t>18</w:t>
                    </w:r>
                  </w:p>
                </w:txbxContent>
              </v:textbox>
            </v:shape>
            <v:shape id="_x0000_s2296" type="#_x0000_t202" style="position:absolute;left:2370;top:13726;width:1380;height:510;mso-width-relative:margin;mso-height-relative:margin" filled="f" stroked="f">
              <v:textbox style="mso-next-textbox:#_x0000_s2296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297" type="#_x0000_t202" style="position:absolute;left:2370;top:12811;width:855;height:435;mso-width-relative:margin;mso-height-relative:margin" filled="f" stroked="f">
              <v:textbox style="mso-next-textbox:#_x0000_s2297">
                <w:txbxContent>
                  <w:p w:rsidR="00BE0AF6" w:rsidRPr="0000344E" w:rsidRDefault="00BE0AF6" w:rsidP="002348A0">
                    <w:pPr>
                      <w:pStyle w:val="a3"/>
                      <w:rPr>
                        <w:color w:val="C00000"/>
                        <w:sz w:val="16"/>
                        <w:szCs w:val="16"/>
                      </w:rPr>
                    </w:pPr>
                    <w:r w:rsidRPr="0000344E">
                      <w:rPr>
                        <w:rFonts w:hint="eastAsia"/>
                        <w:color w:val="C00000"/>
                        <w:sz w:val="16"/>
                        <w:szCs w:val="16"/>
                      </w:rPr>
                      <w:t>海の日</w:t>
                    </w:r>
                  </w:p>
                  <w:p w:rsidR="00BE0AF6" w:rsidRPr="000435D7" w:rsidRDefault="00BE0AF6" w:rsidP="002348A0"/>
                  <w:p w:rsidR="00BE0AF6" w:rsidRPr="00253893" w:rsidRDefault="00BE0AF6" w:rsidP="002348A0"/>
                </w:txbxContent>
              </v:textbox>
            </v:shape>
            <v:group id="_x0000_s3184" style="position:absolute;left:3750;top:8266;width:5805;height:7470" coordorigin="3750,8266" coordsize="5805,7470">
              <v:rect id="_x0000_s2144" style="position:absolute;left:8190;top:14311;width:1365;height:1425" o:regroupid="3" filled="f">
                <v:shadow color="black" opacity="49151f" offset=".74833mm,.74833mm"/>
                <v:textbox inset=",2mm"/>
              </v:rect>
              <v:shape id="_x0000_s2145" type="#_x0000_t202" style="position:absolute;left:8160;top:14131;width:1380;height:810;mso-width-relative:margin;mso-height-relative:margin" o:regroupid="3" filled="f" stroked="f">
                <v:textbox style="mso-next-textbox:#_x0000_s2145">
                  <w:txbxContent>
                    <w:p w:rsidR="00BE0AF6" w:rsidRPr="00253893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9</w:t>
                      </w:r>
                    </w:p>
                  </w:txbxContent>
                </v:textbox>
              </v:shape>
              <v:shape id="_x0000_s2146" type="#_x0000_t202" style="position:absolute;left:3750;top:9181;width:1380;height:510;mso-width-relative:margin;mso-height-relative:margin" o:regroupid="3" filled="f" stroked="f">
                <v:textbox style="mso-next-textbox:#_x0000_s2146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147" type="#_x0000_t202" style="position:absolute;left:3750;top:8266;width:855;height:435;mso-width-relative:margin;mso-height-relative:margin" o:regroupid="3" filled="f" stroked="f">
                <v:textbox style="mso-next-textbox:#_x0000_s2147">
                  <w:txbxContent>
                    <w:p w:rsidR="00BE0AF6" w:rsidRPr="000435D7" w:rsidRDefault="00BE0AF6" w:rsidP="002348A0">
                      <w:pPr>
                        <w:jc w:val="right"/>
                        <w:rPr>
                          <w:color w:val="FF0000"/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v:group>
            <v:rect id="_x0000_s2279" style="position:absolute;left:915;top:14311;width:1365;height:1425" o:regroupid="9" filled="f">
              <v:shadow color="black" opacity="49151f" offset=".74833mm,.74833mm"/>
              <v:textbox inset=",2mm"/>
            </v:rect>
            <v:shape id="_x0000_s2280" type="#_x0000_t202" style="position:absolute;left:481;top:14221;width:1844;height:1200;mso-width-relative:margin;mso-height-relative:margin" o:regroupid="9" filled="f" stroked="f">
              <v:textbox style="mso-next-textbox:#_x0000_s2280">
                <w:txbxContent>
                  <w:p w:rsidR="008B2C5A" w:rsidRDefault="00F97780" w:rsidP="008B2C5A">
                    <w:pPr>
                      <w:pStyle w:val="a3"/>
                      <w:snapToGrid w:val="0"/>
                      <w:jc w:val="right"/>
                      <w:textAlignment w:val="top"/>
                      <w:rPr>
                        <w:rFonts w:ascii="Garamond" w:hAnsi="Garamond" w:hint="eastAsia"/>
                        <w:color w:val="C00000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C00000"/>
                        <w:sz w:val="48"/>
                        <w:szCs w:val="48"/>
                      </w:rPr>
                      <w:t>24/</w:t>
                    </w:r>
                  </w:p>
                  <w:p w:rsidR="00BE0AF6" w:rsidRPr="0000344E" w:rsidRDefault="00F97780" w:rsidP="008B2C5A">
                    <w:pPr>
                      <w:pStyle w:val="a3"/>
                      <w:snapToGrid w:val="0"/>
                      <w:jc w:val="right"/>
                      <w:textAlignment w:val="top"/>
                      <w:rPr>
                        <w:rFonts w:ascii="Garamond" w:hAnsi="Garamond"/>
                        <w:color w:val="C00000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C00000"/>
                        <w:sz w:val="48"/>
                        <w:szCs w:val="48"/>
                      </w:rPr>
                      <w:t>31</w:t>
                    </w:r>
                  </w:p>
                </w:txbxContent>
              </v:textbox>
            </v:shape>
            <v:shape id="_x0000_s2281" type="#_x0000_t202" style="position:absolute;left:915;top:15226;width:1380;height:510;mso-width-relative:margin;mso-height-relative:margin" o:regroupid="9" filled="f" stroked="f">
              <v:textbox style="mso-next-textbox:#_x0000_s2281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282" type="#_x0000_t202" style="position:absolute;left:915;top:14311;width:855;height:435;mso-width-relative:margin;mso-height-relative:margin" o:regroupid="9" filled="f" stroked="f">
              <v:textbox style="mso-next-textbox:#_x0000_s2282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group id="_x0000_s3214" style="position:absolute;left:1065;top:7696;width:9780;height:480" coordorigin="1065,7696" coordsize="9780,480">
              <v:shape id="_x0000_s2128" type="#_x0000_t202" style="position:absolute;left:1065;top:7696;width:1065;height:480;mso-width-relative:margin;mso-height-relative:margin" filled="f" stroked="f">
                <v:textbox style="mso-next-textbox:#_x0000_s2128">
                  <w:txbxContent>
                    <w:p w:rsidR="00BE0AF6" w:rsidRPr="0000344E" w:rsidRDefault="00BE0AF6" w:rsidP="002348A0">
                      <w:pPr>
                        <w:jc w:val="center"/>
                        <w:rPr>
                          <w:color w:val="C00000"/>
                        </w:rPr>
                      </w:pPr>
                      <w:r w:rsidRPr="0000344E">
                        <w:rPr>
                          <w:rFonts w:ascii="Garamond" w:hAnsi="Garamond"/>
                          <w:color w:val="C00000"/>
                          <w:sz w:val="30"/>
                          <w:szCs w:val="30"/>
                        </w:rPr>
                        <w:t>SUN</w:t>
                      </w:r>
                    </w:p>
                  </w:txbxContent>
                </v:textbox>
              </v:shape>
              <v:shape id="_x0000_s2130" type="#_x0000_t202" style="position:absolute;left:2505;top:7696;width:1080;height:480;mso-width-relative:margin;mso-height-relative:margin" filled="f" stroked="f">
                <v:textbox style="mso-next-textbox:#_x0000_s2130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MON</w:t>
                      </w:r>
                    </w:p>
                  </w:txbxContent>
                </v:textbox>
              </v:shape>
              <v:shape id="_x0000_s2133" type="#_x0000_t202" style="position:absolute;left:3960;top:7696;width:1080;height:480;mso-width-relative:margin;mso-height-relative:margin" filled="f" stroked="f">
                <v:textbox style="mso-next-textbox:#_x0000_s2133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TUE</w:t>
                      </w:r>
                    </w:p>
                  </w:txbxContent>
                </v:textbox>
              </v:shape>
              <v:shape id="_x0000_s2135" type="#_x0000_t202" style="position:absolute;left:5415;top:7696;width:1080;height:480;mso-width-relative:margin;mso-height-relative:margin" filled="f" stroked="f">
                <v:textbox style="mso-next-textbox:#_x0000_s2135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WED</w:t>
                      </w:r>
                    </w:p>
                  </w:txbxContent>
                </v:textbox>
              </v:shape>
              <v:shape id="_x0000_s2137" type="#_x0000_t202" style="position:absolute;left:6855;top:7696;width:1080;height:480;mso-width-relative:margin;mso-height-relative:margin" filled="f" stroked="f">
                <v:textbox style="mso-next-textbox:#_x0000_s2137">
                  <w:txbxContent>
                    <w:p w:rsidR="00BE0AF6" w:rsidRPr="00D8266F" w:rsidRDefault="00BE0AF6" w:rsidP="002348A0">
                      <w:pPr>
                        <w:jc w:val="center"/>
                        <w:rPr>
                          <w:rFonts w:ascii="Garamond" w:hAnsi="Garamond"/>
                          <w:color w:val="FFFFFF"/>
                          <w:sz w:val="30"/>
                          <w:szCs w:val="30"/>
                        </w:rPr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THU</w:t>
                      </w:r>
                    </w:p>
                  </w:txbxContent>
                </v:textbox>
              </v:shape>
              <v:shape id="_x0000_s2139" type="#_x0000_t202" style="position:absolute;left:8310;top:7696;width:1080;height:480;mso-width-relative:margin;mso-height-relative:margin" filled="f" stroked="f">
                <v:textbox style="mso-next-textbox:#_x0000_s2139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FRI</w:t>
                      </w:r>
                    </w:p>
                  </w:txbxContent>
                </v:textbox>
              </v:shape>
              <v:shape id="_x0000_s2141" type="#_x0000_t202" style="position:absolute;left:9765;top:7696;width:1080;height:480;mso-width-relative:margin;mso-height-relative:margin" filled="f" stroked="f">
                <v:textbox style="mso-next-textbox:#_x0000_s2141">
                  <w:txbxContent>
                    <w:p w:rsidR="00BE0AF6" w:rsidRPr="0000344E" w:rsidRDefault="00BE0AF6" w:rsidP="002348A0">
                      <w:pPr>
                        <w:jc w:val="center"/>
                        <w:rPr>
                          <w:color w:val="0070C0"/>
                        </w:rPr>
                      </w:pPr>
                      <w:r w:rsidRPr="0000344E">
                        <w:rPr>
                          <w:rFonts w:ascii="Garamond" w:hAnsi="Garamond"/>
                          <w:color w:val="0070C0"/>
                          <w:sz w:val="30"/>
                          <w:szCs w:val="30"/>
                        </w:rPr>
                        <w:t>S</w:t>
                      </w:r>
                      <w:r w:rsidRPr="0000344E">
                        <w:rPr>
                          <w:rFonts w:ascii="Garamond" w:hAnsi="Garamond" w:hint="eastAsia"/>
                          <w:color w:val="0070C0"/>
                          <w:sz w:val="30"/>
                          <w:szCs w:val="30"/>
                        </w:rPr>
                        <w:t>AT</w:t>
                      </w:r>
                    </w:p>
                  </w:txbxContent>
                </v:textbox>
              </v:shape>
            </v:group>
          </v:group>
        </w:pict>
      </w:r>
      <w:r w:rsidR="001C56EA">
        <w:rPr>
          <w:noProof/>
        </w:rPr>
        <w:pict>
          <v:group id="_x0000_s3208" style="position:absolute;margin-left:19pt;margin-top:192.8pt;width:251pt;height:80.25pt;z-index:252083712" coordorigin="720,5177" coordsize="5020,1605">
            <v:shape id="_x0000_s2292" type="#_x0000_t202" style="position:absolute;left:720;top:5177;width:1785;height:1605;mso-width-relative:margin;mso-height-relative:margin" filled="f" stroked="f">
              <v:textbox style="mso-next-textbox:#_x0000_s2292">
                <w:txbxContent>
                  <w:p w:rsidR="00BE0AF6" w:rsidRPr="009E6216" w:rsidRDefault="00BE0AF6" w:rsidP="002348A0">
                    <w:pPr>
                      <w:jc w:val="right"/>
                      <w:rPr>
                        <w:rFonts w:ascii="Arial Black" w:hAnsi="Arial Black"/>
                        <w:sz w:val="110"/>
                        <w:szCs w:val="110"/>
                      </w:rPr>
                    </w:pPr>
                    <w:r>
                      <w:rPr>
                        <w:rFonts w:ascii="Arial Black" w:hAnsi="Arial Black" w:hint="eastAsia"/>
                        <w:sz w:val="110"/>
                        <w:szCs w:val="110"/>
                      </w:rPr>
                      <w:t>7</w:t>
                    </w:r>
                  </w:p>
                </w:txbxContent>
              </v:textbox>
            </v:shape>
            <v:shape id="_x0000_s2293" type="#_x0000_t202" style="position:absolute;left:2385;top:5641;width:3355;height:1125;mso-width-relative:margin;mso-height-relative:margin" filled="f" stroked="f">
              <v:textbox style="mso-next-textbox:#_x0000_s2293">
                <w:txbxContent>
                  <w:p w:rsidR="00BE0AF6" w:rsidRPr="0043459B" w:rsidRDefault="00BE0AF6" w:rsidP="002348A0">
                    <w:pPr>
                      <w:snapToGrid w:val="0"/>
                      <w:jc w:val="left"/>
                      <w:rPr>
                        <w:rFonts w:ascii="Arial Black" w:hAnsi="Arial Black"/>
                        <w:sz w:val="30"/>
                        <w:szCs w:val="30"/>
                      </w:rPr>
                    </w:pPr>
                    <w:r>
                      <w:rPr>
                        <w:rFonts w:ascii="Arial Black" w:hAnsi="Arial Black" w:hint="eastAsia"/>
                        <w:sz w:val="30"/>
                        <w:szCs w:val="30"/>
                      </w:rPr>
                      <w:t>2011</w:t>
                    </w:r>
                  </w:p>
                  <w:p w:rsidR="00BE0AF6" w:rsidRPr="009E6216" w:rsidRDefault="00BE0AF6" w:rsidP="002348A0">
                    <w:pPr>
                      <w:snapToGrid w:val="0"/>
                      <w:jc w:val="left"/>
                      <w:rPr>
                        <w:rFonts w:ascii="Arial Black" w:hAnsi="Arial Black"/>
                        <w:sz w:val="40"/>
                        <w:szCs w:val="40"/>
                      </w:rPr>
                    </w:pPr>
                    <w:r>
                      <w:rPr>
                        <w:rFonts w:ascii="Arial Black" w:hAnsi="Arial Black" w:hint="eastAsia"/>
                        <w:sz w:val="40"/>
                        <w:szCs w:val="40"/>
                      </w:rPr>
                      <w:t>JULY</w:t>
                    </w:r>
                  </w:p>
                </w:txbxContent>
              </v:textbox>
            </v:shape>
          </v:group>
        </w:pict>
      </w:r>
      <w:r w:rsidR="002348A0">
        <w:br w:type="page"/>
      </w:r>
    </w:p>
    <w:p w:rsidR="002348A0" w:rsidRPr="002F0A9B" w:rsidRDefault="002348A0" w:rsidP="002348A0">
      <w:r>
        <w:rPr>
          <w:noProof/>
        </w:rPr>
        <w:lastRenderedPageBreak/>
        <w:drawing>
          <wp:anchor distT="0" distB="0" distL="114300" distR="114300" simplePos="0" relativeHeight="252090368" behindDoc="0" locked="0" layoutInCell="1" allowOverlap="1">
            <wp:simplePos x="0" y="0"/>
            <wp:positionH relativeFrom="column">
              <wp:posOffset>316865</wp:posOffset>
            </wp:positionH>
            <wp:positionV relativeFrom="paragraph">
              <wp:posOffset>306070</wp:posOffset>
            </wp:positionV>
            <wp:extent cx="6457950" cy="3855085"/>
            <wp:effectExtent l="19050" t="0" r="0" b="0"/>
            <wp:wrapNone/>
            <wp:docPr id="1274" name="図 1274" descr="仕事用-8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74" descr="仕事用-8"/>
                    <pic:cNvPicPr>
                      <a:picLocks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57950" cy="385508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  <w:r w:rsidR="001C56EA" w:rsidRPr="001C56EA">
        <w:rPr>
          <w:noProof/>
          <w:color w:val="5F497A"/>
        </w:rPr>
        <w:pict>
          <v:rect id="_x0000_s2299" style="position:absolute;left:0;text-align:left;margin-left:5.55pt;margin-top:1.4pt;width:550.5pt;height:777.75pt;z-index:-251225088;mso-position-horizontal-relative:text;mso-position-vertical-relative:text" fillcolor="#b8cce4 [1300]" stroked="f">
            <v:shadow color="black" opacity="49151f" offset=".74833mm,.74833mm"/>
            <v:textbox inset=",2mm"/>
          </v:rect>
        </w:pict>
      </w:r>
      <w:r w:rsidR="001C56EA">
        <w:rPr>
          <w:noProof/>
        </w:rPr>
        <w:pict>
          <v:rect id="_x0000_s2302" style="position:absolute;left:0;text-align:left;margin-left:174.25pt;margin-top:-394.1pt;width:64.5pt;height:70.5pt;z-index:-251222016;mso-position-horizontal-relative:text;mso-position-vertical-relative:text" filled="f">
            <v:shadow color="black" opacity="49151f" offset=".74833mm,.74833mm"/>
            <v:textbox inset=",2mm"/>
          </v:rect>
        </w:pict>
      </w:r>
      <w:r w:rsidR="001C56EA">
        <w:rPr>
          <w:noProof/>
        </w:rPr>
        <w:pict>
          <v:rect id="_x0000_s2301" style="position:absolute;left:0;text-align:left;margin-left:174.25pt;margin-top:-394.1pt;width:68.25pt;height:70.5pt;z-index:-251223040;mso-position-horizontal-relative:text;mso-position-vertical-relative:text" filled="f">
            <v:shadow color="black" opacity="49151f" offset=".74833mm,.74833mm"/>
            <v:textbox inset=",2mm"/>
          </v:rect>
        </w:pict>
      </w:r>
    </w:p>
    <w:p w:rsidR="002348A0" w:rsidRDefault="002348A0"/>
    <w:p w:rsidR="002348A0" w:rsidRDefault="0085151D">
      <w:pPr>
        <w:widowControl/>
        <w:jc w:val="left"/>
      </w:pPr>
      <w:r>
        <w:rPr>
          <w:noProof/>
        </w:rPr>
        <w:pict>
          <v:group id="_x0000_s3217" style="position:absolute;margin-left:28.65pt;margin-top:324pt;width:504.85pt;height:398.5pt;z-index:252553216" coordorigin="913,7801" coordsize="10097,7970">
            <v:rect id="_x0000_s2304" style="position:absolute;left:915;top:7801;width:1395;height:573" o:regroupid="10" fillcolor="black" stroked="f">
              <v:shadow color="black" opacity="49151f" offset=".74833mm,.74833mm"/>
              <v:textbox inset=",2mm"/>
            </v:rect>
            <v:rect id="_x0000_s2306" style="position:absolute;left:2355;top:7801;width:1395;height:573" o:regroupid="10" fillcolor="#b2a1c7" stroked="f">
              <v:shadow color="black" opacity="49151f" offset=".74833mm,.74833mm"/>
              <v:textbox inset=",2mm"/>
            </v:rect>
            <v:rect id="_x0000_s2307" style="position:absolute;left:2355;top:7801;width:1395;height:573" o:regroupid="10" fillcolor="black" stroked="f">
              <v:shadow color="black" opacity="49151f" offset=".74833mm,.74833mm"/>
              <v:textbox inset=",2mm"/>
            </v:rect>
            <v:rect id="_x0000_s2309" style="position:absolute;left:3810;top:7801;width:1395;height:573" o:regroupid="10" fillcolor="black" stroked="f">
              <v:shadow color="black" opacity="49151f" offset=".74833mm,.74833mm"/>
              <v:textbox inset=",2mm"/>
            </v:rect>
            <v:rect id="_x0000_s2311" style="position:absolute;left:5265;top:7801;width:1395;height:573" o:regroupid="10" fillcolor="black" stroked="f">
              <v:shadow color="black" opacity="49151f" offset=".74833mm,.74833mm"/>
              <v:textbox inset=",2mm"/>
            </v:rect>
            <v:rect id="_x0000_s2313" style="position:absolute;left:6705;top:7801;width:1395;height:573" o:regroupid="10" fillcolor="black" stroked="f">
              <v:shadow color="black" opacity="49151f" offset=".74833mm,.74833mm"/>
              <v:textbox inset=",2mm"/>
            </v:rect>
            <v:rect id="_x0000_s2315" style="position:absolute;left:8160;top:7801;width:1395;height:573" o:regroupid="10" fillcolor="black" stroked="f">
              <v:shadow color="black" opacity="49151f" offset=".74833mm,.74833mm"/>
              <v:textbox inset=",2mm"/>
            </v:rect>
            <v:group id="_x0000_s2320" style="position:absolute;left:9616;top:8251;width:1380;height:1584" coordorigin="9616,8084" coordsize="1380,1368" o:regroupid="10">
              <v:rect id="_x0000_s2321" style="position:absolute;left:9616;top:8264;width:1365;height:1188" filled="f">
                <v:shadow color="black" opacity="49151f" offset=".74833mm,.74833mm"/>
                <v:textbox inset=",2mm"/>
              </v:rect>
              <v:shape id="_x0000_s2322" type="#_x0000_t202" style="position:absolute;left:9616;top:8084;width:1380;height:810;mso-width-relative:margin;mso-height-relative:margin" filled="f" stroked="f">
                <v:textbox style="mso-next-textbox:#_x0000_s2322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6</w:t>
                      </w:r>
                    </w:p>
                  </w:txbxContent>
                </v:textbox>
              </v:shape>
              <v:shape id="_x0000_s2323" type="#_x0000_t202" style="position:absolute;left:9616;top:8941;width:1380;height:510;mso-width-relative:margin;mso-height-relative:margin" filled="f" stroked="f">
                <v:textbox style="mso-next-textbox:#_x0000_s2323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324" type="#_x0000_t202" style="position:absolute;left:9616;top:8264;width:855;height:435;mso-width-relative:margin;mso-height-relative:margin" filled="f" stroked="f">
                <v:textbox style="mso-next-textbox:#_x0000_s2324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25" style="position:absolute;left:913;top:9730;width:1380;height:1583" coordorigin="913,9361" coordsize="1380,1368" o:regroupid="10">
              <v:rect id="_x0000_s2326" style="position:absolute;left:913;top:9541;width:1365;height:1188" filled="f">
                <v:shadow color="black" opacity="49151f" offset=".74833mm,.74833mm"/>
                <v:textbox inset=",2mm"/>
              </v:rect>
              <v:shape id="_x0000_s2327" type="#_x0000_t202" style="position:absolute;left:913;top:9361;width:1380;height:810;mso-width-relative:margin;mso-height-relative:margin" filled="f" stroked="f">
                <v:textbox style="mso-next-textbox:#_x0000_s2327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C00000"/>
                          <w:sz w:val="48"/>
                          <w:szCs w:val="48"/>
                        </w:rPr>
                        <w:t>7</w:t>
                      </w:r>
                    </w:p>
                  </w:txbxContent>
                </v:textbox>
              </v:shape>
              <v:shape id="_x0000_s2328" type="#_x0000_t202" style="position:absolute;left:913;top:10217;width:1380;height:510;mso-width-relative:margin;mso-height-relative:margin" filled="f" stroked="f">
                <v:textbox style="mso-next-textbox:#_x0000_s2328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329" type="#_x0000_t202" style="position:absolute;left:913;top:9541;width:855;height:435;mso-width-relative:margin;mso-height-relative:margin" filled="f" stroked="f">
                <v:textbox style="mso-next-textbox:#_x0000_s2329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30" style="position:absolute;left:2370;top:9730;width:1380;height:1583" coordorigin="2370,9361" coordsize="1380,1368" o:regroupid="10">
              <v:rect id="_x0000_s2331" style="position:absolute;left:2370;top:9541;width:1365;height:1188" filled="f">
                <v:shadow color="black" opacity="49151f" offset=".74833mm,.74833mm"/>
                <v:textbox inset=",2mm"/>
              </v:rect>
              <v:shape id="_x0000_s2332" type="#_x0000_t202" style="position:absolute;left:2370;top:9361;width:1380;height:810;mso-width-relative:margin;mso-height-relative:margin" filled="f" stroked="f">
                <v:textbox style="mso-next-textbox:#_x0000_s2332">
                  <w:txbxContent>
                    <w:p w:rsidR="00BE0AF6" w:rsidRPr="000435D7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8</w:t>
                      </w:r>
                    </w:p>
                  </w:txbxContent>
                </v:textbox>
              </v:shape>
              <v:shape id="_x0000_s2333" type="#_x0000_t202" style="position:absolute;left:2370;top:10217;width:1380;height:510;mso-width-relative:margin;mso-height-relative:margin" filled="f" stroked="f">
                <v:textbox style="mso-next-textbox:#_x0000_s2333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334" type="#_x0000_t202" style="position:absolute;left:2370;top:9541;width:855;height:435;mso-width-relative:margin;mso-height-relative:margin" filled="f" stroked="f">
                <v:textbox style="mso-next-textbox:#_x0000_s2334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35" style="position:absolute;left:3827;top:9730;width:1380;height:1583" coordorigin="3827,9361" coordsize="1380,1368" o:regroupid="10">
              <v:rect id="_x0000_s2336" style="position:absolute;left:3827;top:9541;width:1365;height:1188" filled="f">
                <v:shadow color="black" opacity="49151f" offset=".74833mm,.74833mm"/>
                <v:textbox inset=",2mm"/>
              </v:rect>
              <v:shape id="_x0000_s2337" type="#_x0000_t202" style="position:absolute;left:3827;top:9361;width:1380;height:810;mso-width-relative:margin;mso-height-relative:margin" filled="f" stroked="f">
                <v:textbox style="mso-next-textbox:#_x0000_s2337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9</w:t>
                      </w:r>
                    </w:p>
                  </w:txbxContent>
                </v:textbox>
              </v:shape>
              <v:shape id="_x0000_s2338" type="#_x0000_t202" style="position:absolute;left:3827;top:10217;width:1380;height:510;mso-width-relative:margin;mso-height-relative:margin" filled="f" stroked="f">
                <v:textbox style="mso-next-textbox:#_x0000_s2338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2339" type="#_x0000_t202" style="position:absolute;left:3827;top:9541;width:855;height:435;mso-width-relative:margin;mso-height-relative:margin" filled="f" stroked="f">
                <v:textbox style="mso-next-textbox:#_x0000_s2339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40" style="position:absolute;left:5267;top:9730;width:1380;height:1583" coordorigin="5267,9361" coordsize="1380,1368" o:regroupid="10">
              <v:rect id="_x0000_s2341" style="position:absolute;left:5267;top:9541;width:1365;height:1188" filled="f">
                <v:shadow color="black" opacity="49151f" offset=".74833mm,.74833mm"/>
                <v:textbox inset=",2mm"/>
              </v:rect>
              <v:shape id="_x0000_s2342" type="#_x0000_t202" style="position:absolute;left:5267;top:9361;width:1380;height:810;mso-width-relative:margin;mso-height-relative:margin" filled="f" stroked="f">
                <v:textbox style="mso-next-textbox:#_x0000_s2342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0</w:t>
                      </w:r>
                    </w:p>
                  </w:txbxContent>
                </v:textbox>
              </v:shape>
              <v:shape id="_x0000_s2343" type="#_x0000_t202" style="position:absolute;left:5267;top:10217;width:1380;height:510;mso-width-relative:margin;mso-height-relative:margin" filled="f" stroked="f">
                <v:textbox style="mso-next-textbox:#_x0000_s2343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44" type="#_x0000_t202" style="position:absolute;left:5267;top:9541;width:855;height:435;mso-width-relative:margin;mso-height-relative:margin" filled="f" stroked="f">
                <v:textbox style="mso-next-textbox:#_x0000_s2344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45" style="position:absolute;left:6719;top:9730;width:1380;height:1583" coordorigin="6719,9361" coordsize="1380,1368" o:regroupid="10">
              <v:rect id="_x0000_s2346" style="position:absolute;left:6719;top:9541;width:1365;height:1188" filled="f">
                <v:shadow color="black" opacity="49151f" offset=".74833mm,.74833mm"/>
                <v:textbox inset=",2mm"/>
              </v:rect>
              <v:shape id="_x0000_s2347" type="#_x0000_t202" style="position:absolute;left:6719;top:9361;width:1380;height:810;mso-width-relative:margin;mso-height-relative:margin" filled="f" stroked="f">
                <v:textbox style="mso-next-textbox:#_x0000_s2347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1</w:t>
                      </w:r>
                    </w:p>
                  </w:txbxContent>
                </v:textbox>
              </v:shape>
              <v:shape id="_x0000_s2348" type="#_x0000_t202" style="position:absolute;left:6719;top:10217;width:1380;height:510;mso-width-relative:margin;mso-height-relative:margin" filled="f" stroked="f">
                <v:textbox style="mso-next-textbox:#_x0000_s2348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49" type="#_x0000_t202" style="position:absolute;left:6719;top:9541;width:855;height:435;mso-width-relative:margin;mso-height-relative:margin" filled="f" stroked="f">
                <v:textbox style="mso-next-textbox:#_x0000_s2349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50" style="position:absolute;left:8159;top:9730;width:1380;height:1583" coordorigin="8159,9361" coordsize="1380,1368" o:regroupid="10">
              <v:rect id="_x0000_s2351" style="position:absolute;left:8159;top:9541;width:1365;height:1188" filled="f">
                <v:shadow color="black" opacity="49151f" offset=".74833mm,.74833mm"/>
                <v:textbox inset=",2mm"/>
              </v:rect>
              <v:shape id="_x0000_s2352" type="#_x0000_t202" style="position:absolute;left:8159;top:9361;width:1380;height:810;mso-width-relative:margin;mso-height-relative:margin" filled="f" stroked="f">
                <v:textbox style="mso-next-textbox:#_x0000_s2352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2</w:t>
                      </w:r>
                    </w:p>
                  </w:txbxContent>
                </v:textbox>
              </v:shape>
              <v:shape id="_x0000_s2353" type="#_x0000_t202" style="position:absolute;left:8159;top:10217;width:1380;height:510;mso-width-relative:margin;mso-height-relative:margin" filled="f" stroked="f">
                <v:textbox style="mso-next-textbox:#_x0000_s2353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54" type="#_x0000_t202" style="position:absolute;left:8159;top:9541;width:855;height:435;mso-width-relative:margin;mso-height-relative:margin" filled="f" stroked="f">
                <v:textbox style="mso-next-textbox:#_x0000_s2354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55" style="position:absolute;left:9616;top:9730;width:1380;height:1583" coordorigin="9616,9361" coordsize="1380,1368" o:regroupid="10">
              <v:rect id="_x0000_s2356" style="position:absolute;left:9616;top:9541;width:1365;height:1188" filled="f">
                <v:shadow color="black" opacity="49151f" offset=".74833mm,.74833mm"/>
                <v:textbox inset=",2mm"/>
              </v:rect>
              <v:shape id="_x0000_s2357" type="#_x0000_t202" style="position:absolute;left:9616;top:9361;width:1380;height:810;mso-width-relative:margin;mso-height-relative:margin" filled="f" stroked="f">
                <v:textbox style="mso-next-textbox:#_x0000_s2357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13</w:t>
                      </w:r>
                    </w:p>
                  </w:txbxContent>
                </v:textbox>
              </v:shape>
              <v:shape id="_x0000_s2358" type="#_x0000_t202" style="position:absolute;left:9616;top:10217;width:1380;height:510;mso-width-relative:margin;mso-height-relative:margin" filled="f" stroked="f">
                <v:textbox style="mso-next-textbox:#_x0000_s2358">
                  <w:txbxContent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59" type="#_x0000_t202" style="position:absolute;left:9616;top:9541;width:855;height:435;mso-width-relative:margin;mso-height-relative:margin" filled="f" stroked="f">
                <v:textbox style="mso-next-textbox:#_x0000_s2359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60" style="position:absolute;left:913;top:11207;width:1380;height:1583" coordorigin="913,10637" coordsize="1380,1368" o:regroupid="10">
              <v:rect id="_x0000_s2361" style="position:absolute;left:913;top:10817;width:1365;height:1188" filled="f">
                <v:shadow color="black" opacity="49151f" offset=".74833mm,.74833mm"/>
                <v:textbox inset=",2mm"/>
              </v:rect>
              <v:shape id="_x0000_s2362" type="#_x0000_t202" style="position:absolute;left:913;top:10637;width:1380;height:810;mso-width-relative:margin;mso-height-relative:margin" filled="f" stroked="f">
                <v:textbox style="mso-next-textbox:#_x0000_s2362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C0000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C00000"/>
                          <w:sz w:val="48"/>
                          <w:szCs w:val="48"/>
                        </w:rPr>
                        <w:t>14</w:t>
                      </w:r>
                    </w:p>
                  </w:txbxContent>
                </v:textbox>
              </v:shape>
              <v:shape id="_x0000_s2363" type="#_x0000_t202" style="position:absolute;left:913;top:11493;width:1380;height:510;mso-width-relative:margin;mso-height-relative:margin" filled="f" stroked="f">
                <v:textbox style="mso-next-textbox:#_x0000_s2363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64" type="#_x0000_t202" style="position:absolute;left:913;top:10817;width:855;height:435;mso-width-relative:margin;mso-height-relative:margin" filled="f" stroked="f">
                <v:textbox style="mso-next-textbox:#_x0000_s2364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65" style="position:absolute;left:2370;top:11207;width:1405;height:1587" coordorigin="2370,10637" coordsize="1405,1371" o:regroupid="10">
              <v:shape id="_x0000_s2366" type="#_x0000_t202" style="position:absolute;left:2395;top:10637;width:1380;height:810;mso-width-relative:margin;mso-height-relative:margin" filled="f" stroked="f">
                <v:textbox style="mso-next-textbox:#_x0000_s2366">
                  <w:txbxContent>
                    <w:p w:rsidR="00BE0AF6" w:rsidRPr="00974161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5</w:t>
                      </w:r>
                    </w:p>
                  </w:txbxContent>
                </v:textbox>
              </v:shape>
              <v:shape id="_x0000_s2367" type="#_x0000_t202" style="position:absolute;left:2395;top:11493;width:1380;height:510;mso-width-relative:margin;mso-height-relative:margin" filled="f" stroked="f">
                <v:textbox style="mso-next-textbox:#_x0000_s2367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rect id="_x0000_s2368" style="position:absolute;left:2370;top:10820;width:1365;height:1188" filled="f">
                <v:shadow color="black" opacity="49151f" offset=".74833mm,.74833mm"/>
                <v:textbox inset=",2mm"/>
              </v:rect>
            </v:group>
            <v:group id="_x0000_s2369" style="position:absolute;left:3827;top:11207;width:1380;height:1583" coordorigin="3827,10637" coordsize="1380,1368" o:regroupid="10">
              <v:rect id="_x0000_s2370" style="position:absolute;left:3827;top:10817;width:1365;height:1188" filled="f">
                <v:shadow color="black" opacity="49151f" offset=".74833mm,.74833mm"/>
                <v:textbox inset=",2mm"/>
              </v:rect>
              <v:shape id="_x0000_s2371" type="#_x0000_t202" style="position:absolute;left:3827;top:10637;width:1380;height:810;mso-width-relative:margin;mso-height-relative:margin" filled="f" stroked="f">
                <v:textbox style="mso-next-textbox:#_x0000_s2371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6</w:t>
                      </w:r>
                    </w:p>
                  </w:txbxContent>
                </v:textbox>
              </v:shape>
              <v:shape id="_x0000_s2372" type="#_x0000_t202" style="position:absolute;left:3827;top:11493;width:1380;height:510;mso-width-relative:margin;mso-height-relative:margin" filled="f" stroked="f">
                <v:textbox style="mso-next-textbox:#_x0000_s2372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73" type="#_x0000_t202" style="position:absolute;left:3827;top:10817;width:855;height:435;mso-width-relative:margin;mso-height-relative:margin" filled="f" stroked="f">
                <v:textbox style="mso-next-textbox:#_x0000_s2373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74" style="position:absolute;left:5267;top:11207;width:1380;height:1583" coordorigin="5267,10637" coordsize="1380,1368" o:regroupid="10">
              <v:rect id="_x0000_s2375" style="position:absolute;left:5267;top:10817;width:1365;height:1188" filled="f">
                <v:shadow color="black" opacity="49151f" offset=".74833mm,.74833mm"/>
                <v:textbox inset=",2mm"/>
              </v:rect>
              <v:shape id="_x0000_s2376" type="#_x0000_t202" style="position:absolute;left:5267;top:10637;width:1380;height:810;mso-width-relative:margin;mso-height-relative:margin" filled="f" stroked="f">
                <v:textbox style="mso-next-textbox:#_x0000_s2376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7</w:t>
                      </w:r>
                    </w:p>
                  </w:txbxContent>
                </v:textbox>
              </v:shape>
              <v:shape id="_x0000_s2377" type="#_x0000_t202" style="position:absolute;left:5267;top:11493;width:1380;height:510;mso-width-relative:margin;mso-height-relative:margin" filled="f" stroked="f">
                <v:textbox style="mso-next-textbox:#_x0000_s2377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78" type="#_x0000_t202" style="position:absolute;left:5267;top:10817;width:855;height:435;mso-width-relative:margin;mso-height-relative:margin" filled="f" stroked="f">
                <v:textbox style="mso-next-textbox:#_x0000_s2378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79" style="position:absolute;left:6719;top:11207;width:1380;height:1583" coordorigin="6719,10637" coordsize="1380,1368" o:regroupid="10">
              <v:rect id="_x0000_s2380" style="position:absolute;left:6719;top:10817;width:1365;height:1188" filled="f">
                <v:shadow color="black" opacity="49151f" offset=".74833mm,.74833mm"/>
                <v:textbox inset=",2mm"/>
              </v:rect>
              <v:shape id="_x0000_s2381" type="#_x0000_t202" style="position:absolute;left:6719;top:10637;width:1380;height:810;mso-width-relative:margin;mso-height-relative:margin" filled="f" stroked="f">
                <v:textbox style="mso-next-textbox:#_x0000_s2381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8</w:t>
                      </w:r>
                    </w:p>
                  </w:txbxContent>
                </v:textbox>
              </v:shape>
              <v:shape id="_x0000_s2382" type="#_x0000_t202" style="position:absolute;left:6719;top:11493;width:1380;height:510;mso-width-relative:margin;mso-height-relative:margin" filled="f" stroked="f">
                <v:textbox style="mso-next-textbox:#_x0000_s2382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83" type="#_x0000_t202" style="position:absolute;left:6719;top:10817;width:855;height:435;mso-width-relative:margin;mso-height-relative:margin" filled="f" stroked="f">
                <v:textbox style="mso-next-textbox:#_x0000_s2383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84" style="position:absolute;left:8159;top:11207;width:1380;height:1583" coordorigin="8159,10637" coordsize="1380,1368" o:regroupid="10">
              <v:rect id="_x0000_s2385" style="position:absolute;left:8159;top:10817;width:1365;height:1188" filled="f">
                <v:shadow color="black" opacity="49151f" offset=".74833mm,.74833mm"/>
                <v:textbox inset=",2mm"/>
              </v:rect>
              <v:shape id="_x0000_s2386" type="#_x0000_t202" style="position:absolute;left:8159;top:10637;width:1380;height:810;mso-width-relative:margin;mso-height-relative:margin" filled="f" stroked="f">
                <v:textbox style="mso-next-textbox:#_x0000_s2386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19</w:t>
                      </w:r>
                    </w:p>
                  </w:txbxContent>
                </v:textbox>
              </v:shape>
              <v:shape id="_x0000_s2387" type="#_x0000_t202" style="position:absolute;left:8159;top:11493;width:1380;height:510;mso-width-relative:margin;mso-height-relative:margin" filled="f" stroked="f">
                <v:textbox style="mso-next-textbox:#_x0000_s2387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88" type="#_x0000_t202" style="position:absolute;left:8159;top:10817;width:855;height:435;mso-width-relative:margin;mso-height-relative:margin" filled="f" stroked="f">
                <v:textbox style="mso-next-textbox:#_x0000_s2388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389" style="position:absolute;left:9616;top:11204;width:1380;height:1584" coordorigin="9616,10637" coordsize="1380,1368" o:regroupid="10">
              <v:rect id="_x0000_s2390" style="position:absolute;left:9616;top:10817;width:1365;height:1188" filled="f">
                <v:shadow color="black" opacity="49151f" offset=".74833mm,.74833mm"/>
                <v:textbox inset=",2mm"/>
              </v:rect>
              <v:shape id="_x0000_s2391" type="#_x0000_t202" style="position:absolute;left:9616;top:10637;width:1380;height:810;mso-width-relative:margin;mso-height-relative:margin" filled="f" stroked="f">
                <v:textbox style="mso-next-textbox:#_x0000_s2391">
                  <w:txbxContent>
                    <w:p w:rsidR="00BE0AF6" w:rsidRPr="0000344E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70C0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color w:val="0070C0"/>
                          <w:sz w:val="48"/>
                          <w:szCs w:val="48"/>
                        </w:rPr>
                        <w:t>20</w:t>
                      </w:r>
                    </w:p>
                  </w:txbxContent>
                </v:textbox>
              </v:shape>
              <v:shape id="_x0000_s2392" type="#_x0000_t202" style="position:absolute;left:9616;top:11493;width:1380;height:510;mso-width-relative:margin;mso-height-relative:margin" filled="f" stroked="f">
                <v:textbox style="mso-next-textbox:#_x0000_s2392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393" type="#_x0000_t202" style="position:absolute;left:9616;top:10817;width:855;height:435;mso-width-relative:margin;mso-height-relative:margin" filled="f" stroked="f">
                <v:textbox style="mso-next-textbox:#_x0000_s2393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2409" style="position:absolute;left:5267;top:12698;width:1380;height:1583" coordorigin="5267,11919" coordsize="1380,1368" o:regroupid="10">
              <v:rect id="_x0000_s2410" style="position:absolute;left:5267;top:12099;width:1365;height:1188" filled="f">
                <v:shadow color="black" opacity="49151f" offset=".74833mm,.74833mm"/>
                <v:textbox inset=",2mm"/>
              </v:rect>
              <v:shape id="_x0000_s2411" type="#_x0000_t202" style="position:absolute;left:5267;top:11919;width:1380;height:810;mso-width-relative:margin;mso-height-relative:margin" filled="f" stroked="f">
                <v:textbox style="mso-next-textbox:#_x0000_s2411">
                  <w:txbxContent>
                    <w:p w:rsidR="00BE0AF6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sz w:val="48"/>
                          <w:szCs w:val="48"/>
                        </w:rPr>
                      </w:pPr>
                      <w:r>
                        <w:rPr>
                          <w:rFonts w:ascii="Garamond" w:hAnsi="Garamond" w:hint="eastAsia"/>
                          <w:sz w:val="48"/>
                          <w:szCs w:val="48"/>
                        </w:rPr>
                        <w:t>24</w:t>
                      </w:r>
                    </w:p>
                  </w:txbxContent>
                </v:textbox>
              </v:shape>
              <v:shape id="_x0000_s2412" type="#_x0000_t202" style="position:absolute;left:5267;top:12774;width:1380;height:510;mso-width-relative:margin;mso-height-relative:margin" filled="f" stroked="f">
                <v:textbox style="mso-next-textbox:#_x0000_s2412">
                  <w:txbxContent>
                    <w:p w:rsidR="00BE0AF6" w:rsidRPr="00B112FA" w:rsidRDefault="00BE0AF6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  <w:p w:rsidR="00BE0AF6" w:rsidRPr="00B112FA" w:rsidRDefault="00BE0AF6" w:rsidP="002348A0">
                      <w:pPr>
                        <w:rPr>
                          <w:szCs w:val="28"/>
                        </w:rPr>
                      </w:pPr>
                    </w:p>
                  </w:txbxContent>
                </v:textbox>
              </v:shape>
              <v:shape id="_x0000_s2413" type="#_x0000_t202" style="position:absolute;left:5267;top:12099;width:855;height:435;mso-width-relative:margin;mso-height-relative:margin" filled="f" stroked="f">
                <v:textbox style="mso-next-textbox:#_x0000_s2413">
                  <w:txbxContent>
                    <w:p w:rsidR="00BE0AF6" w:rsidRPr="002A3B26" w:rsidRDefault="00BE0AF6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group id="_x0000_s3216" style="position:absolute;left:913;top:14187;width:5734;height:1584" coordorigin="913,14187" coordsize="5734,1584">
              <v:group id="_x0000_s2424" style="position:absolute;left:913;top:14187;width:1380;height:1584" coordorigin="913,11919" coordsize="1380,1368" o:regroupid="10">
                <v:rect id="_x0000_s2425" style="position:absolute;left:913;top:12099;width:1365;height:1188" filled="f">
                  <v:shadow color="black" opacity="49151f" offset=".74833mm,.74833mm"/>
                  <v:textbox inset=",2mm"/>
                </v:rect>
                <v:shape id="_x0000_s2426" type="#_x0000_t202" style="position:absolute;left:913;top:11919;width:1380;height:810;mso-width-relative:margin;mso-height-relative:margin" filled="f" stroked="f">
                  <v:textbox style="mso-next-textbox:#_x0000_s2426">
                    <w:txbxContent>
                      <w:p w:rsidR="00BE0AF6" w:rsidRPr="0000344E" w:rsidRDefault="00F97780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color w:val="C00000"/>
                            <w:sz w:val="48"/>
                            <w:szCs w:val="48"/>
                          </w:rPr>
                        </w:pPr>
                        <w:r>
                          <w:rPr>
                            <w:rFonts w:ascii="Garamond" w:hAnsi="Garamond" w:hint="eastAsia"/>
                            <w:color w:val="C00000"/>
                            <w:sz w:val="48"/>
                            <w:szCs w:val="48"/>
                          </w:rPr>
                          <w:t>28</w:t>
                        </w:r>
                      </w:p>
                    </w:txbxContent>
                  </v:textbox>
                </v:shape>
                <v:shape id="_x0000_s2427" type="#_x0000_t202" style="position:absolute;left:913;top:12774;width:1380;height:510;mso-width-relative:margin;mso-height-relative:margin" filled="f" stroked="f">
                  <v:textbox style="mso-next-textbox:#_x0000_s2427">
                    <w:txbxContent>
                      <w:p w:rsidR="00BE0AF6" w:rsidRPr="00B112FA" w:rsidRDefault="00BE0AF6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color w:val="808080"/>
                            <w:sz w:val="28"/>
                            <w:szCs w:val="28"/>
                          </w:rPr>
                        </w:pPr>
                        <w:r>
                          <w:rPr>
                            <w:rFonts w:ascii="Garamond" w:hAnsi="Garamond" w:hint="eastAsia"/>
                            <w:color w:val="808080"/>
                            <w:sz w:val="28"/>
                            <w:szCs w:val="28"/>
                          </w:rPr>
                          <w:t xml:space="preserve"> </w:t>
                        </w: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</w:txbxContent>
                  </v:textbox>
                </v:shape>
                <v:shape id="_x0000_s2428" type="#_x0000_t202" style="position:absolute;left:913;top:12099;width:855;height:435;mso-width-relative:margin;mso-height-relative:margin" filled="f" stroked="f">
                  <v:textbox style="mso-next-textbox:#_x0000_s2428">
                    <w:txbxContent>
                      <w:p w:rsidR="00BE0AF6" w:rsidRPr="002A3B26" w:rsidRDefault="00BE0AF6" w:rsidP="002348A0">
                        <w:pPr>
                          <w:jc w:val="right"/>
                          <w:rPr>
                            <w:sz w:val="20"/>
                          </w:rPr>
                        </w:pPr>
                      </w:p>
                    </w:txbxContent>
                  </v:textbox>
                </v:shape>
              </v:group>
              <v:group id="_x0000_s2429" style="position:absolute;left:2370;top:14187;width:1380;height:1584" coordorigin="2370,11919" coordsize="1380,1368" o:regroupid="10">
                <v:rect id="_x0000_s2430" style="position:absolute;left:2370;top:12099;width:1365;height:1188" filled="f">
                  <v:shadow color="black" opacity="49151f" offset=".74833mm,.74833mm"/>
                  <v:textbox inset=",2mm"/>
                </v:rect>
                <v:shape id="_x0000_s2431" type="#_x0000_t202" style="position:absolute;left:2370;top:11919;width:1380;height:810;mso-width-relative:margin;mso-height-relative:margin" filled="f" stroked="f">
                  <v:textbox style="mso-next-textbox:#_x0000_s2431">
                    <w:txbxContent>
                      <w:p w:rsidR="00BE0AF6" w:rsidRPr="00B112FA" w:rsidRDefault="00F97780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sz w:val="48"/>
                            <w:szCs w:val="48"/>
                          </w:rPr>
                        </w:pPr>
                        <w:r>
                          <w:rPr>
                            <w:rFonts w:ascii="Garamond" w:hAnsi="Garamond" w:hint="eastAsia"/>
                            <w:sz w:val="48"/>
                            <w:szCs w:val="48"/>
                          </w:rPr>
                          <w:t>29</w:t>
                        </w:r>
                      </w:p>
                    </w:txbxContent>
                  </v:textbox>
                </v:shape>
                <v:shape id="_x0000_s2432" type="#_x0000_t202" style="position:absolute;left:2370;top:12774;width:1380;height:510;mso-width-relative:margin;mso-height-relative:margin" filled="f" stroked="f">
                  <v:textbox style="mso-next-textbox:#_x0000_s2432">
                    <w:txbxContent>
                      <w:p w:rsidR="00BE0AF6" w:rsidRPr="00B112FA" w:rsidRDefault="00BE0AF6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color w:val="808080"/>
                            <w:sz w:val="28"/>
                            <w:szCs w:val="28"/>
                          </w:rPr>
                        </w:pPr>
                        <w:r>
                          <w:rPr>
                            <w:rFonts w:ascii="Garamond" w:hAnsi="Garamond" w:hint="eastAsia"/>
                            <w:color w:val="808080"/>
                            <w:sz w:val="28"/>
                            <w:szCs w:val="28"/>
                          </w:rPr>
                          <w:t xml:space="preserve"> </w:t>
                        </w: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</w:txbxContent>
                  </v:textbox>
                </v:shape>
                <v:shape id="_x0000_s2433" type="#_x0000_t202" style="position:absolute;left:2370;top:12099;width:855;height:435;mso-width-relative:margin;mso-height-relative:margin" filled="f" stroked="f">
                  <v:textbox style="mso-next-textbox:#_x0000_s2433">
                    <w:txbxContent>
                      <w:p w:rsidR="00BE0AF6" w:rsidRPr="002A3B26" w:rsidRDefault="00BE0AF6" w:rsidP="002348A0">
                        <w:pPr>
                          <w:jc w:val="right"/>
                          <w:rPr>
                            <w:sz w:val="20"/>
                          </w:rPr>
                        </w:pPr>
                      </w:p>
                    </w:txbxContent>
                  </v:textbox>
                </v:shape>
              </v:group>
              <v:group id="_x0000_s2434" style="position:absolute;left:3827;top:14187;width:1380;height:1584" coordorigin="3827,11919" coordsize="1380,1368" o:regroupid="10">
                <v:rect id="_x0000_s2435" style="position:absolute;left:3827;top:12099;width:1365;height:1188" filled="f">
                  <v:shadow color="black" opacity="49151f" offset=".74833mm,.74833mm"/>
                  <v:textbox inset=",2mm"/>
                </v:rect>
                <v:shape id="_x0000_s2436" type="#_x0000_t202" style="position:absolute;left:3827;top:11919;width:1380;height:810;mso-width-relative:margin;mso-height-relative:margin" filled="f" stroked="f">
                  <v:textbox style="mso-next-textbox:#_x0000_s2436">
                    <w:txbxContent>
                      <w:p w:rsidR="00BE0AF6" w:rsidRPr="00B112FA" w:rsidRDefault="00F97780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sz w:val="48"/>
                            <w:szCs w:val="48"/>
                          </w:rPr>
                        </w:pPr>
                        <w:r>
                          <w:rPr>
                            <w:rFonts w:ascii="Garamond" w:hAnsi="Garamond" w:hint="eastAsia"/>
                            <w:sz w:val="48"/>
                            <w:szCs w:val="48"/>
                          </w:rPr>
                          <w:t>30</w:t>
                        </w:r>
                      </w:p>
                    </w:txbxContent>
                  </v:textbox>
                </v:shape>
                <v:shape id="_x0000_s2437" type="#_x0000_t202" style="position:absolute;left:3827;top:12774;width:1380;height:510;mso-width-relative:margin;mso-height-relative:margin" filled="f" stroked="f">
                  <v:textbox style="mso-next-textbox:#_x0000_s2437">
                    <w:txbxContent>
                      <w:p w:rsidR="00BE0AF6" w:rsidRPr="00B112FA" w:rsidRDefault="00BE0AF6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color w:val="808080"/>
                            <w:sz w:val="28"/>
                            <w:szCs w:val="28"/>
                          </w:rPr>
                        </w:pPr>
                        <w:r>
                          <w:rPr>
                            <w:rFonts w:ascii="Garamond" w:hAnsi="Garamond" w:hint="eastAsia"/>
                            <w:color w:val="808080"/>
                            <w:sz w:val="28"/>
                            <w:szCs w:val="28"/>
                          </w:rPr>
                          <w:t xml:space="preserve"> </w:t>
                        </w: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</w:txbxContent>
                  </v:textbox>
                </v:shape>
                <v:shape id="_x0000_s2438" type="#_x0000_t202" style="position:absolute;left:3827;top:12099;width:855;height:435;mso-width-relative:margin;mso-height-relative:margin" filled="f" stroked="f">
                  <v:textbox style="mso-next-textbox:#_x0000_s2438">
                    <w:txbxContent>
                      <w:p w:rsidR="00BE0AF6" w:rsidRPr="002A3B26" w:rsidRDefault="00BE0AF6" w:rsidP="002348A0">
                        <w:pPr>
                          <w:jc w:val="right"/>
                          <w:rPr>
                            <w:sz w:val="20"/>
                          </w:rPr>
                        </w:pPr>
                      </w:p>
                    </w:txbxContent>
                  </v:textbox>
                </v:shape>
              </v:group>
              <v:group id="_x0000_s2439" style="position:absolute;left:5267;top:14187;width:1380;height:1584" coordorigin="5267,11919" coordsize="1380,1368" o:regroupid="10">
                <v:rect id="_x0000_s2440" style="position:absolute;left:5267;top:12099;width:1365;height:1188" filled="f">
                  <v:shadow color="black" opacity="49151f" offset=".74833mm,.74833mm"/>
                  <v:textbox inset=",2mm"/>
                </v:rect>
                <v:shape id="_x0000_s2441" type="#_x0000_t202" style="position:absolute;left:5267;top:11919;width:1380;height:810;mso-width-relative:margin;mso-height-relative:margin" filled="f" stroked="f">
                  <v:textbox style="mso-next-textbox:#_x0000_s2441">
                    <w:txbxContent>
                      <w:p w:rsidR="00BE0AF6" w:rsidRPr="00B112FA" w:rsidRDefault="00F97780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sz w:val="48"/>
                            <w:szCs w:val="48"/>
                          </w:rPr>
                        </w:pPr>
                        <w:r>
                          <w:rPr>
                            <w:rFonts w:ascii="Garamond" w:hAnsi="Garamond" w:hint="eastAsia"/>
                            <w:sz w:val="48"/>
                            <w:szCs w:val="48"/>
                          </w:rPr>
                          <w:t>31</w:t>
                        </w:r>
                      </w:p>
                    </w:txbxContent>
                  </v:textbox>
                </v:shape>
                <v:shape id="_x0000_s2442" type="#_x0000_t202" style="position:absolute;left:5267;top:12774;width:1380;height:510;mso-width-relative:margin;mso-height-relative:margin" filled="f" stroked="f">
                  <v:textbox style="mso-next-textbox:#_x0000_s2442">
                    <w:txbxContent>
                      <w:p w:rsidR="00BE0AF6" w:rsidRPr="00B112FA" w:rsidRDefault="00BE0AF6" w:rsidP="002348A0">
                        <w:pPr>
                          <w:pStyle w:val="a3"/>
                          <w:jc w:val="right"/>
                          <w:textAlignment w:val="top"/>
                          <w:rPr>
                            <w:rFonts w:ascii="Garamond" w:hAnsi="Garamond"/>
                            <w:color w:val="808080"/>
                            <w:sz w:val="28"/>
                            <w:szCs w:val="28"/>
                          </w:rPr>
                        </w:pPr>
                        <w:r>
                          <w:rPr>
                            <w:rFonts w:ascii="Garamond" w:hAnsi="Garamond" w:hint="eastAsia"/>
                            <w:color w:val="808080"/>
                            <w:sz w:val="28"/>
                            <w:szCs w:val="28"/>
                          </w:rPr>
                          <w:t xml:space="preserve"> </w:t>
                        </w: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  <w:p w:rsidR="00BE0AF6" w:rsidRPr="00B112FA" w:rsidRDefault="00BE0AF6" w:rsidP="002348A0">
                        <w:pPr>
                          <w:rPr>
                            <w:szCs w:val="28"/>
                          </w:rPr>
                        </w:pPr>
                      </w:p>
                    </w:txbxContent>
                  </v:textbox>
                </v:shape>
                <v:shape id="_x0000_s2443" type="#_x0000_t202" style="position:absolute;left:5267;top:12099;width:855;height:435;mso-width-relative:margin;mso-height-relative:margin" filled="f" stroked="f">
                  <v:textbox style="mso-next-textbox:#_x0000_s2443">
                    <w:txbxContent>
                      <w:p w:rsidR="00BE0AF6" w:rsidRPr="002A3B26" w:rsidRDefault="00BE0AF6" w:rsidP="002348A0">
                        <w:pPr>
                          <w:jc w:val="right"/>
                          <w:rPr>
                            <w:sz w:val="20"/>
                          </w:rPr>
                        </w:pPr>
                      </w:p>
                    </w:txbxContent>
                  </v:textbox>
                </v:shape>
              </v:group>
            </v:group>
            <v:rect id="_x0000_s2469" style="position:absolute;left:8159;top:8460;width:1365;height:1375" o:regroupid="10" filled="f" strokecolor="black [3213]">
              <v:shadow color="black" opacity="49151f" offset=".74833mm,.74833mm"/>
              <v:textbox inset=",2mm"/>
            </v:rect>
            <v:shape id="_x0000_s2470" type="#_x0000_t202" style="position:absolute;left:8159;top:8251;width:1380;height:938;mso-width-relative:margin;mso-height-relative:margin" o:regroupid="10" filled="f" stroked="f">
              <v:textbox style="mso-next-textbox:#_x0000_s2470">
                <w:txbxContent>
                  <w:p w:rsidR="00BE0AF6" w:rsidRPr="000435D7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5</w:t>
                    </w:r>
                  </w:p>
                </w:txbxContent>
              </v:textbox>
            </v:shape>
            <v:shape id="_x0000_s2471" type="#_x0000_t202" style="position:absolute;left:8159;top:9243;width:1380;height:591;mso-width-relative:margin;mso-height-relative:margin" o:regroupid="10" filled="f" stroked="f">
              <v:textbox style="mso-next-textbox:#_x0000_s2471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</w:txbxContent>
              </v:textbox>
            </v:shape>
            <v:shape id="_x0000_s2472" type="#_x0000_t202" style="position:absolute;left:8159;top:8460;width:855;height:503;mso-width-relative:margin;mso-height-relative:margin" o:regroupid="10" filled="f" stroked="f">
              <v:textbox style="mso-next-textbox:#_x0000_s2472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465" style="position:absolute;left:6719;top:12899;width:1365;height:1375" o:regroupid="10" filled="f">
              <v:shadow color="black" opacity="49151f" offset=".74833mm,.74833mm"/>
              <v:textbox inset=",2mm"/>
            </v:rect>
            <v:shape id="_x0000_s2466" type="#_x0000_t202" style="position:absolute;left:6719;top:12691;width:1380;height:937;mso-width-relative:margin;mso-height-relative:margin" o:regroupid="10" filled="f" stroked="f">
              <v:textbox style="mso-next-textbox:#_x0000_s2466">
                <w:txbxContent>
                  <w:p w:rsidR="00BE0AF6" w:rsidRPr="00062931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000000" w:themeColor="text1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000000" w:themeColor="text1"/>
                        <w:sz w:val="48"/>
                        <w:szCs w:val="48"/>
                      </w:rPr>
                      <w:t>25</w:t>
                    </w:r>
                  </w:p>
                </w:txbxContent>
              </v:textbox>
            </v:shape>
            <v:shape id="_x0000_s2467" type="#_x0000_t202" style="position:absolute;left:6719;top:13687;width:1380;height:591;mso-width-relative:margin;mso-height-relative:margin" o:regroupid="10" filled="f" stroked="f">
              <v:textbox style="mso-next-textbox:#_x0000_s2467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group id="_x0000_s3185" style="position:absolute;left:3825;top:8251;width:1380;height:1584" coordorigin="9616,8084" coordsize="1380,1368" o:regroupid="10">
              <v:rect id="_x0000_s3186" style="position:absolute;left:9616;top:8264;width:1365;height:1188" filled="f">
                <v:shadow color="black" opacity="49151f" offset=".74833mm,.74833mm"/>
                <v:textbox inset=",2mm"/>
              </v:rect>
              <v:shape id="_x0000_s3187" type="#_x0000_t202" style="position:absolute;left:9616;top:8084;width:1380;height:810;mso-width-relative:margin;mso-height-relative:margin" filled="f" stroked="f">
                <v:textbox style="mso-next-textbox:#_x0000_s3187">
                  <w:txbxContent>
                    <w:p w:rsidR="00F97780" w:rsidRPr="00F97780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0000" w:themeColor="text1"/>
                          <w:sz w:val="48"/>
                          <w:szCs w:val="48"/>
                        </w:rPr>
                      </w:pPr>
                      <w:r w:rsidRPr="00F97780">
                        <w:rPr>
                          <w:rFonts w:ascii="Garamond" w:hAnsi="Garamond" w:hint="eastAsia"/>
                          <w:color w:val="000000" w:themeColor="text1"/>
                          <w:sz w:val="48"/>
                          <w:szCs w:val="48"/>
                        </w:rPr>
                        <w:t>2</w:t>
                      </w:r>
                    </w:p>
                  </w:txbxContent>
                </v:textbox>
              </v:shape>
              <v:shape id="_x0000_s3188" type="#_x0000_t202" style="position:absolute;left:9616;top:8941;width:1380;height:510;mso-width-relative:margin;mso-height-relative:margin" filled="f" stroked="f">
                <v:textbox style="mso-next-textbox:#_x0000_s3188">
                  <w:txbxContent>
                    <w:p w:rsidR="00F97780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3189" type="#_x0000_t202" style="position:absolute;left:9616;top:8264;width:855;height:435;mso-width-relative:margin;mso-height-relative:margin" filled="f" stroked="f">
                <v:textbox style="mso-next-textbox:#_x0000_s3189">
                  <w:txbxContent>
                    <w:p w:rsidR="00F97780" w:rsidRPr="002A3B26" w:rsidRDefault="00F97780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rect id="_x0000_s3190" style="position:absolute;left:2368;top:8460;width:1365;height:1375" o:regroupid="10" filled="f" strokecolor="black [3213]">
              <v:shadow color="black" opacity="49151f" offset=".74833mm,.74833mm"/>
              <v:textbox inset=",2mm"/>
            </v:rect>
            <v:rect id="_x0000_s3191" style="position:absolute;left:5273;top:8460;width:1365;height:1375" o:regroupid="10" filled="f" strokecolor="black [3213]">
              <v:shadow color="black" opacity="49151f" offset=".74833mm,.74833mm"/>
              <v:textbox inset=",2mm"/>
            </v:rect>
            <v:group id="_x0000_s3193" style="position:absolute;left:6726;top:8251;width:1380;height:1584" coordorigin="9616,8084" coordsize="1380,1368" o:regroupid="10">
              <v:rect id="_x0000_s3194" style="position:absolute;left:9616;top:8264;width:1365;height:1188" filled="f">
                <v:shadow color="black" opacity="49151f" offset=".74833mm,.74833mm"/>
                <v:textbox inset=",2mm"/>
              </v:rect>
              <v:shape id="_x0000_s3195" type="#_x0000_t202" style="position:absolute;left:9616;top:8084;width:1380;height:810;mso-width-relative:margin;mso-height-relative:margin" filled="f" stroked="f">
                <v:textbox style="mso-next-textbox:#_x0000_s3195">
                  <w:txbxContent>
                    <w:p w:rsidR="00F97780" w:rsidRPr="00F97780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000000" w:themeColor="text1"/>
                          <w:sz w:val="48"/>
                          <w:szCs w:val="48"/>
                        </w:rPr>
                      </w:pPr>
                      <w:r w:rsidRPr="00F97780">
                        <w:rPr>
                          <w:rFonts w:ascii="Garamond" w:hAnsi="Garamond" w:hint="eastAsia"/>
                          <w:color w:val="000000" w:themeColor="text1"/>
                          <w:sz w:val="48"/>
                          <w:szCs w:val="48"/>
                        </w:rPr>
                        <w:t>4</w:t>
                      </w:r>
                    </w:p>
                  </w:txbxContent>
                </v:textbox>
              </v:shape>
              <v:shape id="_x0000_s3196" type="#_x0000_t202" style="position:absolute;left:9616;top:8941;width:1380;height:510;mso-width-relative:margin;mso-height-relative:margin" filled="f" stroked="f">
                <v:textbox style="mso-next-textbox:#_x0000_s3196">
                  <w:txbxContent>
                    <w:p w:rsidR="00F97780" w:rsidRPr="00B112FA" w:rsidRDefault="00F97780" w:rsidP="002348A0">
                      <w:pPr>
                        <w:pStyle w:val="a3"/>
                        <w:jc w:val="right"/>
                        <w:textAlignment w:val="top"/>
                        <w:rPr>
                          <w:rFonts w:ascii="Garamond" w:hAnsi="Garamond"/>
                          <w:color w:val="808080"/>
                          <w:sz w:val="28"/>
                          <w:szCs w:val="28"/>
                        </w:rPr>
                      </w:pPr>
                      <w:r>
                        <w:rPr>
                          <w:rFonts w:ascii="Garamond" w:hAnsi="Garamond" w:hint="eastAsia"/>
                          <w:color w:val="808080"/>
                          <w:sz w:val="28"/>
                          <w:szCs w:val="28"/>
                        </w:rPr>
                        <w:t xml:space="preserve"> </w:t>
                      </w:r>
                    </w:p>
                  </w:txbxContent>
                </v:textbox>
              </v:shape>
              <v:shape id="_x0000_s3197" type="#_x0000_t202" style="position:absolute;left:9616;top:8264;width:855;height:435;mso-width-relative:margin;mso-height-relative:margin" filled="f" stroked="f">
                <v:textbox style="mso-next-textbox:#_x0000_s3197">
                  <w:txbxContent>
                    <w:p w:rsidR="00F97780" w:rsidRPr="002A3B26" w:rsidRDefault="00F97780" w:rsidP="002348A0">
                      <w:pPr>
                        <w:jc w:val="right"/>
                        <w:rPr>
                          <w:sz w:val="20"/>
                        </w:rPr>
                      </w:pPr>
                    </w:p>
                  </w:txbxContent>
                </v:textbox>
              </v:shape>
            </v:group>
            <v:shape id="_x0000_s3198" type="#_x0000_t202" style="position:absolute;left:5295;top:8251;width:1380;height:938;mso-width-relative:margin;mso-height-relative:margin" o:regroupid="10" filled="f" stroked="f">
              <v:textbox style="mso-next-textbox:#_x0000_s3198">
                <w:txbxContent>
                  <w:p w:rsidR="00F97780" w:rsidRPr="000435D7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3</w:t>
                    </w:r>
                  </w:p>
                </w:txbxContent>
              </v:textbox>
            </v:shape>
            <v:shape id="_x0000_s3199" type="#_x0000_t202" style="position:absolute;left:2370;top:8270;width:1380;height:937;mso-width-relative:margin;mso-height-relative:margin" o:regroupid="10" filled="f" stroked="f">
              <v:textbox style="mso-next-textbox:#_x0000_s3199">
                <w:txbxContent>
                  <w:p w:rsidR="00F97780" w:rsidRPr="000435D7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1</w:t>
                    </w:r>
                  </w:p>
                </w:txbxContent>
              </v:textbox>
            </v:shape>
            <v:rect id="_x0000_s2420" style="position:absolute;left:9616;top:12906;width:1365;height:1375" o:regroupid="10" filled="f">
              <v:shadow color="black" opacity="49151f" offset=".74833mm,.74833mm"/>
              <v:textbox inset=",2mm"/>
            </v:rect>
            <v:shape id="_x0000_s2421" type="#_x0000_t202" style="position:absolute;left:9616;top:12698;width:1380;height:937;mso-width-relative:margin;mso-height-relative:margin" o:regroupid="10" filled="f" stroked="f">
              <v:textbox style="mso-next-textbox:#_x0000_s2421">
                <w:txbxContent>
                  <w:p w:rsidR="00BE0AF6" w:rsidRPr="0000344E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0070C0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0070C0"/>
                        <w:sz w:val="48"/>
                        <w:szCs w:val="48"/>
                      </w:rPr>
                      <w:t>27</w:t>
                    </w:r>
                  </w:p>
                </w:txbxContent>
              </v:textbox>
            </v:shape>
            <v:shape id="_x0000_s2422" type="#_x0000_t202" style="position:absolute;left:9616;top:13687;width:1380;height:591;mso-width-relative:margin;mso-height-relative:margin" o:regroupid="10" filled="f" stroked="f">
              <v:textbox style="mso-next-textbox:#_x0000_s2422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423" type="#_x0000_t202" style="position:absolute;left:9616;top:12906;width:855;height:504;mso-width-relative:margin;mso-height-relative:margin" o:regroupid="10" filled="f" stroked="f">
              <v:textbox style="mso-next-textbox:#_x0000_s2423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415" style="position:absolute;left:8159;top:12906;width:1365;height:1375" o:regroupid="10" filled="f">
              <v:shadow color="black" opacity="49151f" offset=".74833mm,.74833mm"/>
              <v:textbox inset=",2mm"/>
            </v:rect>
            <v:shape id="_x0000_s2416" type="#_x0000_t202" style="position:absolute;left:8159;top:12698;width:1380;height:937;mso-width-relative:margin;mso-height-relative:margin" o:regroupid="10" filled="f" stroked="f">
              <v:textbox style="mso-next-textbox:#_x0000_s2416">
                <w:txbxContent>
                  <w:p w:rsidR="00BE0AF6" w:rsidRPr="00B112FA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26</w:t>
                    </w:r>
                  </w:p>
                </w:txbxContent>
              </v:textbox>
            </v:shape>
            <v:shape id="_x0000_s2417" type="#_x0000_t202" style="position:absolute;left:8159;top:13687;width:1380;height:591;mso-width-relative:margin;mso-height-relative:margin" o:regroupid="10" filled="f" stroked="f">
              <v:textbox style="mso-next-textbox:#_x0000_s2417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/>
                </w:txbxContent>
              </v:textbox>
            </v:shape>
            <v:shape id="_x0000_s2418" type="#_x0000_t202" style="position:absolute;left:8159;top:12906;width:855;height:504;mso-width-relative:margin;mso-height-relative:margin" o:regroupid="10" filled="f" stroked="f">
              <v:textbox style="mso-next-textbox:#_x0000_s2418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405" style="position:absolute;left:3827;top:12906;width:1365;height:1375" o:regroupid="10" filled="f">
              <v:shadow color="black" opacity="49151f" offset=".74833mm,.74833mm"/>
              <v:textbox inset=",2mm"/>
            </v:rect>
            <v:shape id="_x0000_s2406" type="#_x0000_t202" style="position:absolute;left:3827;top:12698;width:1380;height:937;mso-width-relative:margin;mso-height-relative:margin" o:regroupid="10" filled="f" stroked="f">
              <v:textbox style="mso-next-textbox:#_x0000_s2406">
                <w:txbxContent>
                  <w:p w:rsidR="00BE0AF6" w:rsidRPr="00B112FA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23</w:t>
                    </w:r>
                  </w:p>
                </w:txbxContent>
              </v:textbox>
            </v:shape>
            <v:shape id="_x0000_s2407" type="#_x0000_t202" style="position:absolute;left:3827;top:13687;width:1380;height:591;mso-width-relative:margin;mso-height-relative:margin" o:regroupid="10" filled="f" stroked="f">
              <v:textbox style="mso-next-textbox:#_x0000_s2407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408" type="#_x0000_t202" style="position:absolute;left:3827;top:12906;width:855;height:504;mso-width-relative:margin;mso-height-relative:margin" o:regroupid="10" filled="f" stroked="f">
              <v:textbox style="mso-next-textbox:#_x0000_s2408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400" style="position:absolute;left:2370;top:12906;width:1365;height:1375" o:regroupid="10" filled="f">
              <v:shadow color="black" opacity="49151f" offset=".74833mm,.74833mm"/>
              <v:textbox inset=",2mm"/>
            </v:rect>
            <v:shape id="_x0000_s2401" type="#_x0000_t202" style="position:absolute;left:2370;top:12698;width:1380;height:937;mso-width-relative:margin;mso-height-relative:margin" o:regroupid="10" filled="f" stroked="f">
              <v:textbox style="mso-next-textbox:#_x0000_s2401">
                <w:txbxContent>
                  <w:p w:rsidR="00BE0AF6" w:rsidRPr="00B112FA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sz w:val="48"/>
                        <w:szCs w:val="48"/>
                      </w:rPr>
                      <w:t>22</w:t>
                    </w:r>
                  </w:p>
                </w:txbxContent>
              </v:textbox>
            </v:shape>
            <v:shape id="_x0000_s2402" type="#_x0000_t202" style="position:absolute;left:2370;top:13687;width:1380;height:591;mso-width-relative:margin;mso-height-relative:margin" o:regroupid="10" filled="f" stroked="f">
              <v:textbox style="mso-next-textbox:#_x0000_s2402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403" type="#_x0000_t202" style="position:absolute;left:2370;top:12906;width:855;height:504;mso-width-relative:margin;mso-height-relative:margin" o:regroupid="10" filled="f" stroked="f">
              <v:textbox style="mso-next-textbox:#_x0000_s2403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395" style="position:absolute;left:913;top:12906;width:1365;height:1375" o:regroupid="10" filled="f">
              <v:shadow color="black" opacity="49151f" offset=".74833mm,.74833mm"/>
              <v:textbox inset=",2mm"/>
            </v:rect>
            <v:shape id="_x0000_s2396" type="#_x0000_t202" style="position:absolute;left:913;top:12698;width:1380;height:937;mso-width-relative:margin;mso-height-relative:margin" o:regroupid="10" filled="f" stroked="f">
              <v:textbox style="mso-next-textbox:#_x0000_s2396">
                <w:txbxContent>
                  <w:p w:rsidR="00BE0AF6" w:rsidRPr="0000344E" w:rsidRDefault="00F97780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C00000"/>
                        <w:sz w:val="48"/>
                        <w:szCs w:val="48"/>
                      </w:rPr>
                    </w:pPr>
                    <w:r>
                      <w:rPr>
                        <w:rFonts w:ascii="Garamond" w:hAnsi="Garamond" w:hint="eastAsia"/>
                        <w:color w:val="C00000"/>
                        <w:sz w:val="48"/>
                        <w:szCs w:val="48"/>
                      </w:rPr>
                      <w:t>21</w:t>
                    </w:r>
                  </w:p>
                </w:txbxContent>
              </v:textbox>
            </v:shape>
            <v:shape id="_x0000_s2397" type="#_x0000_t202" style="position:absolute;left:913;top:13687;width:1380;height:591;mso-width-relative:margin;mso-height-relative:margin" o:regroupid="10" filled="f" stroked="f">
              <v:textbox style="mso-next-textbox:#_x0000_s2397">
                <w:txbxContent>
                  <w:p w:rsidR="00BE0AF6" w:rsidRPr="00B112FA" w:rsidRDefault="00BE0AF6" w:rsidP="002348A0">
                    <w:pPr>
                      <w:pStyle w:val="a3"/>
                      <w:jc w:val="right"/>
                      <w:textAlignment w:val="top"/>
                      <w:rPr>
                        <w:rFonts w:ascii="Garamond" w:hAnsi="Garamond"/>
                        <w:color w:val="808080"/>
                        <w:sz w:val="28"/>
                        <w:szCs w:val="28"/>
                      </w:rPr>
                    </w:pPr>
                    <w:r>
                      <w:rPr>
                        <w:rFonts w:ascii="Garamond" w:hAnsi="Garamond" w:hint="eastAsia"/>
                        <w:color w:val="808080"/>
                        <w:sz w:val="28"/>
                        <w:szCs w:val="28"/>
                      </w:rPr>
                      <w:t xml:space="preserve"> </w:t>
                    </w: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  <w:p w:rsidR="00BE0AF6" w:rsidRPr="00B112FA" w:rsidRDefault="00BE0AF6" w:rsidP="002348A0">
                    <w:pPr>
                      <w:rPr>
                        <w:szCs w:val="28"/>
                      </w:rPr>
                    </w:pPr>
                  </w:p>
                </w:txbxContent>
              </v:textbox>
            </v:shape>
            <v:shape id="_x0000_s2398" type="#_x0000_t202" style="position:absolute;left:913;top:12906;width:855;height:504;mso-width-relative:margin;mso-height-relative:margin" o:regroupid="10" filled="f" stroked="f">
              <v:textbox style="mso-next-textbox:#_x0000_s2398">
                <w:txbxContent>
                  <w:p w:rsidR="00BE0AF6" w:rsidRPr="002A3B26" w:rsidRDefault="00BE0AF6" w:rsidP="002348A0">
                    <w:pPr>
                      <w:jc w:val="right"/>
                      <w:rPr>
                        <w:sz w:val="20"/>
                      </w:rPr>
                    </w:pPr>
                  </w:p>
                </w:txbxContent>
              </v:textbox>
            </v:shape>
            <v:rect id="_x0000_s2317" style="position:absolute;left:9615;top:7812;width:1395;height:573" o:regroupid="10" fillcolor="black" stroked="f">
              <v:shadow color="black" opacity="49151f" offset=".74833mm,.74833mm"/>
              <v:textbox inset=",2mm"/>
            </v:rect>
            <v:group id="_x0000_s3203" style="position:absolute;left:1065;top:7849;width:9780;height:556" coordorigin="1065,7696" coordsize="9780,480" o:regroupid="10">
              <v:shape id="_x0000_s2303" type="#_x0000_t202" style="position:absolute;left:1065;top:7696;width:1065;height:480;mso-width-relative:margin;mso-height-relative:margin" filled="f" stroked="f">
                <v:textbox style="mso-next-textbox:#_x0000_s2303">
                  <w:txbxContent>
                    <w:p w:rsidR="00BE0AF6" w:rsidRPr="0000344E" w:rsidRDefault="00BE0AF6" w:rsidP="002348A0">
                      <w:pPr>
                        <w:jc w:val="center"/>
                        <w:rPr>
                          <w:color w:val="C00000"/>
                        </w:rPr>
                      </w:pPr>
                      <w:r w:rsidRPr="0000344E">
                        <w:rPr>
                          <w:rFonts w:ascii="Garamond" w:hAnsi="Garamond"/>
                          <w:color w:val="C00000"/>
                          <w:sz w:val="30"/>
                          <w:szCs w:val="30"/>
                        </w:rPr>
                        <w:t>SUN</w:t>
                      </w:r>
                    </w:p>
                  </w:txbxContent>
                </v:textbox>
              </v:shape>
              <v:shape id="_x0000_s2305" type="#_x0000_t202" style="position:absolute;left:2505;top:7696;width:1080;height:480;mso-width-relative:margin;mso-height-relative:margin" filled="f" stroked="f">
                <v:textbox style="mso-next-textbox:#_x0000_s2305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MON</w:t>
                      </w:r>
                    </w:p>
                  </w:txbxContent>
                </v:textbox>
              </v:shape>
              <v:shape id="_x0000_s2308" type="#_x0000_t202" style="position:absolute;left:3960;top:7696;width:1080;height:480;mso-width-relative:margin;mso-height-relative:margin" filled="f" stroked="f">
                <v:textbox style="mso-next-textbox:#_x0000_s2308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TUE</w:t>
                      </w:r>
                    </w:p>
                  </w:txbxContent>
                </v:textbox>
              </v:shape>
              <v:shape id="_x0000_s2310" type="#_x0000_t202" style="position:absolute;left:5415;top:7696;width:1080;height:480;mso-width-relative:margin;mso-height-relative:margin" filled="f" stroked="f">
                <v:textbox style="mso-next-textbox:#_x0000_s2310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WED</w:t>
                      </w:r>
                    </w:p>
                  </w:txbxContent>
                </v:textbox>
              </v:shape>
              <v:shape id="_x0000_s2312" type="#_x0000_t202" style="position:absolute;left:6855;top:7696;width:1080;height:480;mso-width-relative:margin;mso-height-relative:margin" filled="f" stroked="f">
                <v:textbox style="mso-next-textbox:#_x0000_s2312">
                  <w:txbxContent>
                    <w:p w:rsidR="00BE0AF6" w:rsidRPr="00D8266F" w:rsidRDefault="00BE0AF6" w:rsidP="002348A0">
                      <w:pPr>
                        <w:jc w:val="center"/>
                        <w:rPr>
                          <w:rFonts w:ascii="Garamond" w:hAnsi="Garamond"/>
                          <w:color w:val="FFFFFF"/>
                          <w:sz w:val="30"/>
                          <w:szCs w:val="30"/>
                        </w:rPr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THU</w:t>
                      </w:r>
                    </w:p>
                  </w:txbxContent>
                </v:textbox>
              </v:shape>
              <v:shape id="_x0000_s2314" type="#_x0000_t202" style="position:absolute;left:8310;top:7696;width:1080;height:480;mso-width-relative:margin;mso-height-relative:margin" filled="f" stroked="f">
                <v:textbox style="mso-next-textbox:#_x0000_s2314">
                  <w:txbxContent>
                    <w:p w:rsidR="00BE0AF6" w:rsidRPr="00D8266F" w:rsidRDefault="00BE0AF6" w:rsidP="002348A0">
                      <w:pPr>
                        <w:jc w:val="center"/>
                      </w:pPr>
                      <w:r>
                        <w:rPr>
                          <w:rFonts w:ascii="Garamond" w:hAnsi="Garamond" w:hint="eastAsia"/>
                          <w:color w:val="FFFFFF"/>
                          <w:sz w:val="30"/>
                          <w:szCs w:val="30"/>
                        </w:rPr>
                        <w:t>FRI</w:t>
                      </w:r>
                    </w:p>
                  </w:txbxContent>
                </v:textbox>
              </v:shape>
              <v:shape id="_x0000_s2316" type="#_x0000_t202" style="position:absolute;left:9765;top:7696;width:1080;height:480;mso-width-relative:margin;mso-height-relative:margin" filled="f" stroked="f">
                <v:textbox style="mso-next-textbox:#_x0000_s2316">
                  <w:txbxContent>
                    <w:p w:rsidR="00BE0AF6" w:rsidRPr="0000344E" w:rsidRDefault="00BE0AF6" w:rsidP="002348A0">
                      <w:pPr>
                        <w:jc w:val="center"/>
                        <w:rPr>
                          <w:color w:val="0070C0"/>
                        </w:rPr>
                      </w:pPr>
                      <w:r w:rsidRPr="0000344E">
                        <w:rPr>
                          <w:rFonts w:ascii="Garamond" w:hAnsi="Garamond"/>
                          <w:color w:val="0070C0"/>
                          <w:sz w:val="30"/>
                          <w:szCs w:val="30"/>
                        </w:rPr>
                        <w:t>S</w:t>
                      </w:r>
                      <w:r w:rsidRPr="0000344E">
                        <w:rPr>
                          <w:rFonts w:ascii="Garamond" w:hAnsi="Garamond" w:hint="eastAsia"/>
                          <w:color w:val="0070C0"/>
                          <w:sz w:val="30"/>
                          <w:szCs w:val="30"/>
                        </w:rPr>
                        <w:t>AT</w:t>
                      </w:r>
                    </w:p>
                  </w:txbxContent>
                </v:textbox>
              </v:shape>
            </v:group>
          </v:group>
        </w:pict>
      </w:r>
      <w:r w:rsidR="008B2C5A">
        <w:rPr>
          <w:noProof/>
        </w:rPr>
        <w:pict>
          <v:rect id="_x0000_s2300" style="position:absolute;margin-left:19pt;margin-top:315pt;width:522.75pt;height:416.95pt;z-index:-251224064" stroked="f">
            <v:shadow color="black" opacity="49151f" offset=".74833mm,.74833mm"/>
            <v:textbox inset=",2mm"/>
          </v:rect>
        </w:pict>
      </w:r>
      <w:r w:rsidR="001C56EA">
        <w:rPr>
          <w:noProof/>
        </w:rPr>
        <w:pict>
          <v:group id="_x0000_s3209" style="position:absolute;margin-left:19pt;margin-top:192.8pt;width:251pt;height:80.25pt;z-index:252247040" coordorigin="720,5177" coordsize="5020,1605">
            <v:shape id="_x0000_s2318" type="#_x0000_t202" style="position:absolute;left:720;top:5177;width:1785;height:1605;mso-width-relative:margin;mso-height-relative:margin" filled="f" stroked="f">
              <v:textbox style="mso-next-textbox:#_x0000_s2318">
                <w:txbxContent>
                  <w:p w:rsidR="00BE0AF6" w:rsidRPr="009E6216" w:rsidRDefault="00BE0AF6" w:rsidP="002348A0">
                    <w:pPr>
                      <w:jc w:val="right"/>
                      <w:rPr>
                        <w:rFonts w:ascii="Arial Black" w:hAnsi="Arial Black"/>
                        <w:sz w:val="110"/>
                        <w:szCs w:val="110"/>
                      </w:rPr>
                    </w:pPr>
                    <w:r>
                      <w:rPr>
                        <w:rFonts w:ascii="Arial Black" w:hAnsi="Arial Black" w:hint="eastAsia"/>
                        <w:sz w:val="110"/>
                        <w:szCs w:val="110"/>
                      </w:rPr>
                      <w:t>8</w:t>
                    </w:r>
                  </w:p>
                </w:txbxContent>
              </v:textbox>
            </v:shape>
            <v:shape id="_x0000_s2319" type="#_x0000_t202" style="position:absolute;left:2385;top:5641;width:3355;height:1125;mso-width-relative:margin;mso-height-relative:margin" filled="f" stroked="f">
              <v:textbox style="mso-next-textbox:#_x0000_s2319">
                <w:txbxContent>
                  <w:p w:rsidR="00BE0AF6" w:rsidRPr="0043459B" w:rsidRDefault="00BE0AF6" w:rsidP="002348A0">
                    <w:pPr>
                      <w:snapToGrid w:val="0"/>
                      <w:jc w:val="left"/>
                      <w:rPr>
                        <w:rFonts w:ascii="Arial Black" w:hAnsi="Arial Black"/>
                        <w:sz w:val="30"/>
                        <w:szCs w:val="30"/>
                      </w:rPr>
                    </w:pPr>
                    <w:r w:rsidRPr="0043459B">
                      <w:rPr>
                        <w:rFonts w:ascii="Arial Black" w:hAnsi="Arial Black" w:hint="eastAsia"/>
                        <w:sz w:val="30"/>
                        <w:szCs w:val="30"/>
                      </w:rPr>
                      <w:t>2</w:t>
                    </w:r>
                    <w:r w:rsidR="00F97780">
                      <w:rPr>
                        <w:rFonts w:ascii="Arial Black" w:hAnsi="Arial Black" w:hint="eastAsia"/>
                        <w:sz w:val="30"/>
                        <w:szCs w:val="30"/>
                      </w:rPr>
                      <w:t>011</w:t>
                    </w:r>
                  </w:p>
                  <w:p w:rsidR="00BE0AF6" w:rsidRPr="009E6216" w:rsidRDefault="00BE0AF6" w:rsidP="002348A0">
                    <w:pPr>
                      <w:snapToGrid w:val="0"/>
                      <w:jc w:val="left"/>
                      <w:rPr>
                        <w:rFonts w:ascii="Arial Black" w:hAnsi="Arial Black"/>
                        <w:sz w:val="40"/>
                        <w:szCs w:val="40"/>
                      </w:rPr>
                    </w:pPr>
                    <w:r>
                      <w:rPr>
                        <w:rFonts w:ascii="Arial Black" w:hAnsi="Arial Black" w:hint="eastAsia"/>
                        <w:sz w:val="40"/>
                        <w:szCs w:val="40"/>
                      </w:rPr>
                      <w:t>AUGUST</w:t>
                    </w:r>
                  </w:p>
                </w:txbxContent>
              </v:textbox>
            </v:shape>
          </v:group>
        </w:pict>
      </w:r>
    </w:p>
    <w:sectPr w:rsidR="002348A0" w:rsidSect="002348A0">
      <w:pgSz w:w="11906" w:h="16838"/>
      <w:pgMar w:top="601" w:right="340" w:bottom="675" w:left="340" w:header="851" w:footer="992" w:gutter="0"/>
      <w:cols w:space="425"/>
      <w:docGrid w:type="lines"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BE0AF6" w:rsidRDefault="00BE0AF6" w:rsidP="00062931">
      <w:r>
        <w:separator/>
      </w:r>
    </w:p>
  </w:endnote>
  <w:endnote w:type="continuationSeparator" w:id="0">
    <w:p w:rsidR="00BE0AF6" w:rsidRDefault="00BE0AF6" w:rsidP="0006293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EF" w:usb1="C0007841" w:usb2="00000009" w:usb3="00000000" w:csb0="000001FF" w:csb1="00000000"/>
  </w:font>
  <w:font w:name="Times">
    <w:panose1 w:val="02020603050405020304"/>
    <w:charset w:val="00"/>
    <w:family w:val="roman"/>
    <w:pitch w:val="variable"/>
    <w:sig w:usb0="E0002AE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BE0AF6" w:rsidRDefault="00BE0AF6" w:rsidP="00062931">
      <w:r>
        <w:separator/>
      </w:r>
    </w:p>
  </w:footnote>
  <w:footnote w:type="continuationSeparator" w:id="0">
    <w:p w:rsidR="00BE0AF6" w:rsidRDefault="00BE0AF6" w:rsidP="00062931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40"/>
  <w:removePersonalInformation/>
  <w:removeDateAndTime/>
  <w:bordersDoNotSurroundHeader/>
  <w:bordersDoNotSurroundFooter/>
  <w:proofState w:grammar="clean"/>
  <w:attachedTemplate r:id="rId1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150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F97780"/>
    <w:rsid w:val="0000142A"/>
    <w:rsid w:val="0000344E"/>
    <w:rsid w:val="00062931"/>
    <w:rsid w:val="00147796"/>
    <w:rsid w:val="001C56EA"/>
    <w:rsid w:val="002172DA"/>
    <w:rsid w:val="002348A0"/>
    <w:rsid w:val="00265F22"/>
    <w:rsid w:val="0031563B"/>
    <w:rsid w:val="00343ECA"/>
    <w:rsid w:val="0036733C"/>
    <w:rsid w:val="003C7881"/>
    <w:rsid w:val="004C72ED"/>
    <w:rsid w:val="004F0523"/>
    <w:rsid w:val="005A3787"/>
    <w:rsid w:val="005C05FA"/>
    <w:rsid w:val="00645F96"/>
    <w:rsid w:val="0067748A"/>
    <w:rsid w:val="007F4BC4"/>
    <w:rsid w:val="0085151D"/>
    <w:rsid w:val="008B2C5A"/>
    <w:rsid w:val="009602C9"/>
    <w:rsid w:val="00970EAA"/>
    <w:rsid w:val="00B139D4"/>
    <w:rsid w:val="00BD6BDE"/>
    <w:rsid w:val="00BE0AF6"/>
    <w:rsid w:val="00C6448E"/>
    <w:rsid w:val="00C6750C"/>
    <w:rsid w:val="00CA0FE7"/>
    <w:rsid w:val="00CA6295"/>
    <w:rsid w:val="00CB3F2F"/>
    <w:rsid w:val="00F97780"/>
    <w:rsid w:val="00FB5F63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1505">
      <v:textbox inset="5.85pt,.7pt,5.85pt,.7pt"/>
    </o:shapedefaults>
    <o:shapelayout v:ext="edit">
      <o:idmap v:ext="edit" data="1,2,3"/>
      <o:regrouptable v:ext="edit">
        <o:entry new="1" old="0"/>
        <o:entry new="2" old="0"/>
        <o:entry new="3" old="0"/>
        <o:entry new="4" old="3"/>
        <o:entry new="5" old="3"/>
        <o:entry new="6" old="3"/>
        <o:entry new="7" old="3"/>
        <o:entry new="8" old="3"/>
        <o:entry new="9" old="0"/>
        <o:entry new="10" old="0"/>
      </o:regrouptable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3C7881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uiPriority w:val="1"/>
    <w:qFormat/>
    <w:rsid w:val="002348A0"/>
    <w:pPr>
      <w:widowControl w:val="0"/>
      <w:jc w:val="both"/>
    </w:pPr>
    <w:rPr>
      <w:rFonts w:ascii="Times" w:eastAsia="ＭＳ 明朝" w:hAnsi="Times" w:cs="Times New Roman"/>
      <w:sz w:val="24"/>
      <w:szCs w:val="20"/>
    </w:rPr>
  </w:style>
  <w:style w:type="paragraph" w:styleId="a4">
    <w:name w:val="header"/>
    <w:basedOn w:val="a"/>
    <w:link w:val="a5"/>
    <w:uiPriority w:val="99"/>
    <w:semiHidden/>
    <w:unhideWhenUsed/>
    <w:rsid w:val="00062931"/>
    <w:pPr>
      <w:tabs>
        <w:tab w:val="center" w:pos="4252"/>
        <w:tab w:val="right" w:pos="8504"/>
      </w:tabs>
      <w:snapToGrid w:val="0"/>
    </w:pPr>
  </w:style>
  <w:style w:type="character" w:customStyle="1" w:styleId="a5">
    <w:name w:val="ヘッダー (文字)"/>
    <w:basedOn w:val="a0"/>
    <w:link w:val="a4"/>
    <w:uiPriority w:val="99"/>
    <w:semiHidden/>
    <w:rsid w:val="00062931"/>
  </w:style>
  <w:style w:type="paragraph" w:styleId="a6">
    <w:name w:val="footer"/>
    <w:basedOn w:val="a"/>
    <w:link w:val="a7"/>
    <w:uiPriority w:val="99"/>
    <w:semiHidden/>
    <w:unhideWhenUsed/>
    <w:rsid w:val="00062931"/>
    <w:pPr>
      <w:tabs>
        <w:tab w:val="center" w:pos="4252"/>
        <w:tab w:val="right" w:pos="8504"/>
      </w:tabs>
      <w:snapToGrid w:val="0"/>
    </w:pPr>
  </w:style>
  <w:style w:type="character" w:customStyle="1" w:styleId="a7">
    <w:name w:val="フッター (文字)"/>
    <w:basedOn w:val="a0"/>
    <w:link w:val="a6"/>
    <w:uiPriority w:val="99"/>
    <w:semiHidden/>
    <w:rsid w:val="00062931"/>
  </w:style>
  <w:style w:type="paragraph" w:styleId="a8">
    <w:name w:val="Balloon Text"/>
    <w:basedOn w:val="a"/>
    <w:link w:val="a9"/>
    <w:uiPriority w:val="99"/>
    <w:semiHidden/>
    <w:unhideWhenUsed/>
    <w:rsid w:val="00C6750C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C6750C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image" Target="media/image2.jpeg"/><Relationship Id="rId4" Type="http://schemas.openxmlformats.org/officeDocument/2006/relationships/styles" Target="styles.xml"/><Relationship Id="rId9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1\AppData\Roaming\Microsoft\Templates\TCPP_2008cal_word_vrtcl_photo_12p.dotx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F6E1CA76AAD4564AAF106FC3CFA868360400186944AA932D8046A3B88E9B37BEBDF5" ma:contentTypeVersion="28" ma:contentTypeDescription="Create a new document." ma:contentTypeScope="" ma:versionID="a6ef4ed32b9e2f717850d72af07647b5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/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7E81F98E-EF5A-41D9-B49F-61B3FC008E59}">
  <ds:schemaRefs>
    <ds:schemaRef ds:uri="http://schemas.microsoft.com/office/2006/metadata/contentType"/>
    <ds:schemaRef ds:uri="http://schemas.microsoft.com/office/2006/metadata/properties/metaAttributes"/>
  </ds:schemaRefs>
</ds:datastoreItem>
</file>

<file path=customXml/itemProps2.xml><?xml version="1.0" encoding="utf-8"?>
<ds:datastoreItem xmlns:ds="http://schemas.openxmlformats.org/officeDocument/2006/customXml" ds:itemID="{BAD05DF9-80D6-4DA5-930B-CE443B5D200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BE48E1C7-6B51-4F48-9CC7-B2DDEABB5AA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CPP_2008cal_word_vrtcl_photo_12p.dotx</Template>
  <TotalTime>0</TotalTime>
  <Pages>2</Pages>
  <Words>2</Words>
  <Characters>18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LinksUpToDate>false</LinksUpToDate>
  <CharactersWithSpaces>1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1-06-04T02:36:00Z</dcterms:created>
  <dcterms:modified xsi:type="dcterms:W3CDTF">2011-06-06T03:45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2477439990</vt:lpwstr>
  </property>
</Properties>
</file>